
<file path=[Content_Types].xml><?xml version="1.0" encoding="utf-8"?>
<Types xmlns="http://schemas.openxmlformats.org/package/2006/content-types">
  <Default Extension="bin" ContentType="image/png"/>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tags/tag2.xml" ContentType="application/vnd.openxmlformats-officedocument.presentationml.tags+xml"/>
  <Override PartName="/ppt/tags/tag3.xml" ContentType="application/vnd.openxmlformats-officedocument.presentationml.tags+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tags/tag4.xml" ContentType="application/vnd.openxmlformats-officedocument.presentationml.tags+xml"/>
  <Override PartName="/ppt/notesSlides/notesSlide8.xml" ContentType="application/vnd.openxmlformats-officedocument.presentationml.notesSlide+xml"/>
  <Override PartName="/ppt/tags/tag5.xml" ContentType="application/vnd.openxmlformats-officedocument.presentationml.tags+xml"/>
  <Override PartName="/ppt/notesSlides/notesSlide9.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56" r:id="rId1"/>
  </p:sldMasterIdLst>
  <p:notesMasterIdLst>
    <p:notesMasterId r:id="rId15"/>
  </p:notesMasterIdLst>
  <p:handoutMasterIdLst>
    <p:handoutMasterId r:id="rId16"/>
  </p:handoutMasterIdLst>
  <p:sldIdLst>
    <p:sldId id="329" r:id="rId2"/>
    <p:sldId id="339" r:id="rId3"/>
    <p:sldId id="297" r:id="rId4"/>
    <p:sldId id="331" r:id="rId5"/>
    <p:sldId id="340" r:id="rId6"/>
    <p:sldId id="332" r:id="rId7"/>
    <p:sldId id="342" r:id="rId8"/>
    <p:sldId id="343" r:id="rId9"/>
    <p:sldId id="344" r:id="rId10"/>
    <p:sldId id="337" r:id="rId11"/>
    <p:sldId id="341" r:id="rId12"/>
    <p:sldId id="338" r:id="rId13"/>
    <p:sldId id="256" r:id="rId14"/>
  </p:sldIdLst>
  <p:sldSz cx="9144000" cy="5143500" type="screen16x9"/>
  <p:notesSz cx="6807200" cy="9939338"/>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3015" userDrawn="1">
          <p15:clr>
            <a:srgbClr val="A4A3A4"/>
          </p15:clr>
        </p15:guide>
        <p15:guide id="2" orient="horz" pos="327" userDrawn="1">
          <p15:clr>
            <a:srgbClr val="A4A3A4"/>
          </p15:clr>
        </p15:guide>
        <p15:guide id="3" orient="horz" pos="1790" userDrawn="1">
          <p15:clr>
            <a:srgbClr val="A4A3A4"/>
          </p15:clr>
        </p15:guide>
        <p15:guide id="4" pos="2880" userDrawn="1">
          <p15:clr>
            <a:srgbClr val="A4A3A4"/>
          </p15:clr>
        </p15:guide>
        <p15:guide id="5" pos="567" userDrawn="1">
          <p15:clr>
            <a:srgbClr val="A4A3A4"/>
          </p15:clr>
        </p15:guide>
        <p15:guide id="6" pos="5193" userDrawn="1">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EE9F6"/>
    <a:srgbClr val="DAE7F6"/>
    <a:srgbClr val="7F7F7F"/>
    <a:srgbClr val="F9F9F9"/>
    <a:srgbClr val="BFD5EF"/>
    <a:srgbClr val="DFEDF5"/>
    <a:srgbClr val="FFFFFF"/>
    <a:srgbClr val="262626"/>
    <a:srgbClr val="404040"/>
    <a:srgbClr val="78A22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1FBEB9F-4F1F-4900-B6A4-A2C5D5AAAE37}" v="6" dt="2023-04-19T04:52:29.473"/>
    <p1510:client id="{5E24E460-AAD7-472B-8199-CC8B009621F8}" v="49" dt="2023-04-19T06:31:09.996"/>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58" autoAdjust="0"/>
    <p:restoredTop sz="93792" autoAdjust="0"/>
  </p:normalViewPr>
  <p:slideViewPr>
    <p:cSldViewPr snapToGrid="0">
      <p:cViewPr>
        <p:scale>
          <a:sx n="90" d="100"/>
          <a:sy n="90" d="100"/>
        </p:scale>
        <p:origin x="990" y="504"/>
      </p:cViewPr>
      <p:guideLst>
        <p:guide orient="horz" pos="3015"/>
        <p:guide orient="horz" pos="327"/>
        <p:guide orient="horz" pos="1790"/>
        <p:guide pos="2880"/>
        <p:guide pos="567"/>
        <p:guide pos="5193"/>
      </p:guideLst>
    </p:cSldViewPr>
  </p:slideViewPr>
  <p:outlineViewPr>
    <p:cViewPr>
      <p:scale>
        <a:sx n="33" d="100"/>
        <a:sy n="33" d="100"/>
      </p:scale>
      <p:origin x="0" y="-3448"/>
    </p:cViewPr>
  </p:outlineViewPr>
  <p:notesTextViewPr>
    <p:cViewPr>
      <p:scale>
        <a:sx n="3" d="2"/>
        <a:sy n="3" d="2"/>
      </p:scale>
      <p:origin x="0" y="0"/>
    </p:cViewPr>
  </p:notesTextViewPr>
  <p:sorterViewPr>
    <p:cViewPr>
      <p:scale>
        <a:sx n="100" d="100"/>
        <a:sy n="100" d="100"/>
      </p:scale>
      <p:origin x="0" y="0"/>
    </p:cViewPr>
  </p:sorter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7.xml"/><Relationship Id="rId13" Type="http://schemas.openxmlformats.org/officeDocument/2006/relationships/slide" Target="slides/slide12.xml"/><Relationship Id="rId18" Type="http://schemas.openxmlformats.org/officeDocument/2006/relationships/viewProps" Target="viewProps.xml"/><Relationship Id="rId3" Type="http://schemas.openxmlformats.org/officeDocument/2006/relationships/slide" Target="slides/slide2.xml"/><Relationship Id="rId21" Type="http://schemas.microsoft.com/office/2016/11/relationships/changesInfo" Target="changesInfos/changesInfo1.xml"/><Relationship Id="rId7" Type="http://schemas.openxmlformats.org/officeDocument/2006/relationships/slide" Target="slides/slide6.xml"/><Relationship Id="rId12" Type="http://schemas.openxmlformats.org/officeDocument/2006/relationships/slide" Target="slides/slide11.xml"/><Relationship Id="rId17" Type="http://schemas.openxmlformats.org/officeDocument/2006/relationships/presProps" Target="presProps.xml"/><Relationship Id="rId2" Type="http://schemas.openxmlformats.org/officeDocument/2006/relationships/slide" Target="slides/slide1.xml"/><Relationship Id="rId16" Type="http://schemas.openxmlformats.org/officeDocument/2006/relationships/handoutMaster" Target="handoutMasters/handoutMaster1.xml"/><Relationship Id="rId20" Type="http://schemas.openxmlformats.org/officeDocument/2006/relationships/tableStyles" Target="tableStyles.xml"/><Relationship Id="rId1" Type="http://schemas.openxmlformats.org/officeDocument/2006/relationships/slideMaster" Target="slideMasters/slideMaster1.xml"/><Relationship Id="rId6" Type="http://schemas.openxmlformats.org/officeDocument/2006/relationships/slide" Target="slides/slide5.xml"/><Relationship Id="rId11" Type="http://schemas.openxmlformats.org/officeDocument/2006/relationships/slide" Target="slides/slide10.xml"/><Relationship Id="rId5" Type="http://schemas.openxmlformats.org/officeDocument/2006/relationships/slide" Target="slides/slide4.xml"/><Relationship Id="rId15" Type="http://schemas.openxmlformats.org/officeDocument/2006/relationships/notesMaster" Target="notesMasters/notesMaster1.xml"/><Relationship Id="rId10" Type="http://schemas.openxmlformats.org/officeDocument/2006/relationships/slide" Target="slides/slide9.xml"/><Relationship Id="rId19" Type="http://schemas.openxmlformats.org/officeDocument/2006/relationships/theme" Target="theme/theme1.xml"/><Relationship Id="rId4" Type="http://schemas.openxmlformats.org/officeDocument/2006/relationships/slide" Target="slides/slide3.xml"/><Relationship Id="rId9" Type="http://schemas.openxmlformats.org/officeDocument/2006/relationships/slide" Target="slides/slide8.xml"/><Relationship Id="rId14" Type="http://schemas.openxmlformats.org/officeDocument/2006/relationships/slide" Target="slides/slide13.xml"/><Relationship Id="rId22" Type="http://schemas.microsoft.com/office/2015/10/relationships/revisionInfo" Target="revisionInfo.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hris Alston" userId="3d3f7a1b-2e3d-484d-8663-c1689ae018c1" providerId="ADAL" clId="{5E24E460-AAD7-472B-8199-CC8B009621F8}"/>
    <pc:docChg chg="custSel modSld">
      <pc:chgData name="Chris Alston" userId="3d3f7a1b-2e3d-484d-8663-c1689ae018c1" providerId="ADAL" clId="{5E24E460-AAD7-472B-8199-CC8B009621F8}" dt="2023-04-19T06:42:06.833" v="1" actId="478"/>
      <pc:docMkLst>
        <pc:docMk/>
      </pc:docMkLst>
      <pc:sldChg chg="delSp modSp mod">
        <pc:chgData name="Chris Alston" userId="3d3f7a1b-2e3d-484d-8663-c1689ae018c1" providerId="ADAL" clId="{5E24E460-AAD7-472B-8199-CC8B009621F8}" dt="2023-04-19T06:42:06.833" v="1" actId="478"/>
        <pc:sldMkLst>
          <pc:docMk/>
          <pc:sldMk cId="54305169" sldId="339"/>
        </pc:sldMkLst>
        <pc:spChg chg="del mod">
          <ac:chgData name="Chris Alston" userId="3d3f7a1b-2e3d-484d-8663-c1689ae018c1" providerId="ADAL" clId="{5E24E460-AAD7-472B-8199-CC8B009621F8}" dt="2023-04-19T06:42:06.833" v="1" actId="478"/>
          <ac:spMkLst>
            <pc:docMk/>
            <pc:sldMk cId="54305169" sldId="339"/>
            <ac:spMk id="10" creationId="{302D78B0-D6E1-54C2-8B8A-DAA4A50BF8A6}"/>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2949787" cy="496967"/>
          </a:xfrm>
          <a:prstGeom prst="rect">
            <a:avLst/>
          </a:prstGeom>
        </p:spPr>
        <p:txBody>
          <a:bodyPr vert="horz" lIns="91605" tIns="45802" rIns="91605" bIns="45802" rtlCol="0"/>
          <a:lstStyle>
            <a:lvl1pPr algn="l">
              <a:defRPr sz="1200"/>
            </a:lvl1pPr>
          </a:lstStyle>
          <a:p>
            <a:endParaRPr lang="en-AU"/>
          </a:p>
        </p:txBody>
      </p:sp>
      <p:sp>
        <p:nvSpPr>
          <p:cNvPr id="3" name="Date Placeholder 2"/>
          <p:cNvSpPr>
            <a:spLocks noGrp="1"/>
          </p:cNvSpPr>
          <p:nvPr>
            <p:ph type="dt" sz="quarter" idx="1"/>
          </p:nvPr>
        </p:nvSpPr>
        <p:spPr>
          <a:xfrm>
            <a:off x="3855839" y="1"/>
            <a:ext cx="2949787" cy="496967"/>
          </a:xfrm>
          <a:prstGeom prst="rect">
            <a:avLst/>
          </a:prstGeom>
        </p:spPr>
        <p:txBody>
          <a:bodyPr vert="horz" lIns="91605" tIns="45802" rIns="91605" bIns="45802" rtlCol="0"/>
          <a:lstStyle>
            <a:lvl1pPr algn="r">
              <a:defRPr sz="1200"/>
            </a:lvl1pPr>
          </a:lstStyle>
          <a:p>
            <a:fld id="{241CA362-8A64-4C0E-AF89-A7B39A880891}" type="datetimeFigureOut">
              <a:rPr lang="en-AU" smtClean="0"/>
              <a:t>19/04/2023</a:t>
            </a:fld>
            <a:endParaRPr lang="en-AU"/>
          </a:p>
        </p:txBody>
      </p:sp>
      <p:sp>
        <p:nvSpPr>
          <p:cNvPr id="4" name="Footer Placeholder 3"/>
          <p:cNvSpPr>
            <a:spLocks noGrp="1"/>
          </p:cNvSpPr>
          <p:nvPr>
            <p:ph type="ftr" sz="quarter" idx="2"/>
          </p:nvPr>
        </p:nvSpPr>
        <p:spPr>
          <a:xfrm>
            <a:off x="0" y="9440648"/>
            <a:ext cx="2949787" cy="496967"/>
          </a:xfrm>
          <a:prstGeom prst="rect">
            <a:avLst/>
          </a:prstGeom>
        </p:spPr>
        <p:txBody>
          <a:bodyPr vert="horz" lIns="91605" tIns="45802" rIns="91605" bIns="45802" rtlCol="0" anchor="b"/>
          <a:lstStyle>
            <a:lvl1pPr algn="l">
              <a:defRPr sz="1200"/>
            </a:lvl1pPr>
          </a:lstStyle>
          <a:p>
            <a:endParaRPr lang="en-AU"/>
          </a:p>
        </p:txBody>
      </p:sp>
      <p:sp>
        <p:nvSpPr>
          <p:cNvPr id="5" name="Slide Number Placeholder 4"/>
          <p:cNvSpPr>
            <a:spLocks noGrp="1"/>
          </p:cNvSpPr>
          <p:nvPr>
            <p:ph type="sldNum" sz="quarter" idx="3"/>
          </p:nvPr>
        </p:nvSpPr>
        <p:spPr>
          <a:xfrm>
            <a:off x="3855839" y="9440648"/>
            <a:ext cx="2949787" cy="496967"/>
          </a:xfrm>
          <a:prstGeom prst="rect">
            <a:avLst/>
          </a:prstGeom>
        </p:spPr>
        <p:txBody>
          <a:bodyPr vert="horz" lIns="91605" tIns="45802" rIns="91605" bIns="45802" rtlCol="0" anchor="b"/>
          <a:lstStyle>
            <a:lvl1pPr algn="r">
              <a:defRPr sz="1200"/>
            </a:lvl1pPr>
          </a:lstStyle>
          <a:p>
            <a:fld id="{ECFD05BE-CA6C-4C88-B087-07A5FF8789C2}" type="slidenum">
              <a:rPr lang="en-AU" smtClean="0"/>
              <a:t>‹#›</a:t>
            </a:fld>
            <a:endParaRPr lang="en-AU"/>
          </a:p>
        </p:txBody>
      </p:sp>
    </p:spTree>
    <p:extLst>
      <p:ext uri="{BB962C8B-B14F-4D97-AF65-F5344CB8AC3E}">
        <p14:creationId xmlns:p14="http://schemas.microsoft.com/office/powerpoint/2010/main" val="4931903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2949787" cy="496967"/>
          </a:xfrm>
          <a:prstGeom prst="rect">
            <a:avLst/>
          </a:prstGeom>
        </p:spPr>
        <p:txBody>
          <a:bodyPr vert="horz" lIns="91605" tIns="45802" rIns="91605" bIns="45802" rtlCol="0"/>
          <a:lstStyle>
            <a:lvl1pPr algn="l">
              <a:defRPr sz="1200"/>
            </a:lvl1pPr>
          </a:lstStyle>
          <a:p>
            <a:endParaRPr lang="en-AU"/>
          </a:p>
        </p:txBody>
      </p:sp>
      <p:sp>
        <p:nvSpPr>
          <p:cNvPr id="3" name="Date Placeholder 2"/>
          <p:cNvSpPr>
            <a:spLocks noGrp="1"/>
          </p:cNvSpPr>
          <p:nvPr>
            <p:ph type="dt" idx="1"/>
          </p:nvPr>
        </p:nvSpPr>
        <p:spPr>
          <a:xfrm>
            <a:off x="3855839" y="1"/>
            <a:ext cx="2949787" cy="496967"/>
          </a:xfrm>
          <a:prstGeom prst="rect">
            <a:avLst/>
          </a:prstGeom>
        </p:spPr>
        <p:txBody>
          <a:bodyPr vert="horz" lIns="91605" tIns="45802" rIns="91605" bIns="45802" rtlCol="0"/>
          <a:lstStyle>
            <a:lvl1pPr algn="r">
              <a:defRPr sz="1200"/>
            </a:lvl1pPr>
          </a:lstStyle>
          <a:p>
            <a:fld id="{A46F0F89-FF74-4342-8BE2-EE0B71D5E6D4}" type="datetimeFigureOut">
              <a:rPr lang="en-AU" smtClean="0"/>
              <a:t>19/04/2023</a:t>
            </a:fld>
            <a:endParaRPr lang="en-AU"/>
          </a:p>
        </p:txBody>
      </p:sp>
      <p:sp>
        <p:nvSpPr>
          <p:cNvPr id="4" name="Slide Image Placeholder 3"/>
          <p:cNvSpPr>
            <a:spLocks noGrp="1" noRot="1" noChangeAspect="1"/>
          </p:cNvSpPr>
          <p:nvPr>
            <p:ph type="sldImg" idx="2"/>
          </p:nvPr>
        </p:nvSpPr>
        <p:spPr>
          <a:xfrm>
            <a:off x="90488" y="746125"/>
            <a:ext cx="6626225" cy="3727450"/>
          </a:xfrm>
          <a:prstGeom prst="rect">
            <a:avLst/>
          </a:prstGeom>
          <a:noFill/>
          <a:ln w="12700">
            <a:solidFill>
              <a:prstClr val="black"/>
            </a:solidFill>
          </a:ln>
        </p:spPr>
        <p:txBody>
          <a:bodyPr vert="horz" lIns="91605" tIns="45802" rIns="91605" bIns="45802" rtlCol="0" anchor="ctr"/>
          <a:lstStyle/>
          <a:p>
            <a:endParaRPr lang="en-AU"/>
          </a:p>
        </p:txBody>
      </p:sp>
      <p:sp>
        <p:nvSpPr>
          <p:cNvPr id="5" name="Notes Placeholder 4"/>
          <p:cNvSpPr>
            <a:spLocks noGrp="1"/>
          </p:cNvSpPr>
          <p:nvPr>
            <p:ph type="body" sz="quarter" idx="3"/>
          </p:nvPr>
        </p:nvSpPr>
        <p:spPr>
          <a:xfrm>
            <a:off x="680721" y="4721187"/>
            <a:ext cx="5445760" cy="4472702"/>
          </a:xfrm>
          <a:prstGeom prst="rect">
            <a:avLst/>
          </a:prstGeom>
        </p:spPr>
        <p:txBody>
          <a:bodyPr vert="horz" lIns="91605" tIns="45802" rIns="91605" bIns="45802"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9440648"/>
            <a:ext cx="2949787" cy="496967"/>
          </a:xfrm>
          <a:prstGeom prst="rect">
            <a:avLst/>
          </a:prstGeom>
        </p:spPr>
        <p:txBody>
          <a:bodyPr vert="horz" lIns="91605" tIns="45802" rIns="91605" bIns="45802" rtlCol="0" anchor="b"/>
          <a:lstStyle>
            <a:lvl1pPr algn="l">
              <a:defRPr sz="1200"/>
            </a:lvl1pPr>
          </a:lstStyle>
          <a:p>
            <a:endParaRPr lang="en-AU"/>
          </a:p>
        </p:txBody>
      </p:sp>
      <p:sp>
        <p:nvSpPr>
          <p:cNvPr id="7" name="Slide Number Placeholder 6"/>
          <p:cNvSpPr>
            <a:spLocks noGrp="1"/>
          </p:cNvSpPr>
          <p:nvPr>
            <p:ph type="sldNum" sz="quarter" idx="5"/>
          </p:nvPr>
        </p:nvSpPr>
        <p:spPr>
          <a:xfrm>
            <a:off x="3855839" y="9440648"/>
            <a:ext cx="2949787" cy="496967"/>
          </a:xfrm>
          <a:prstGeom prst="rect">
            <a:avLst/>
          </a:prstGeom>
        </p:spPr>
        <p:txBody>
          <a:bodyPr vert="horz" lIns="91605" tIns="45802" rIns="91605" bIns="45802" rtlCol="0" anchor="b"/>
          <a:lstStyle>
            <a:lvl1pPr algn="r">
              <a:defRPr sz="1200"/>
            </a:lvl1pPr>
          </a:lstStyle>
          <a:p>
            <a:fld id="{4057C3FE-26A4-4016-9A9C-79AF3EE619F6}" type="slidenum">
              <a:rPr lang="en-AU" smtClean="0"/>
              <a:t>‹#›</a:t>
            </a:fld>
            <a:endParaRPr lang="en-AU"/>
          </a:p>
        </p:txBody>
      </p:sp>
    </p:spTree>
    <p:extLst>
      <p:ext uri="{BB962C8B-B14F-4D97-AF65-F5344CB8AC3E}">
        <p14:creationId xmlns:p14="http://schemas.microsoft.com/office/powerpoint/2010/main" val="69293866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4057C3FE-26A4-4016-9A9C-79AF3EE619F6}" type="slidenum">
              <a:rPr lang="en-AU" smtClean="0"/>
              <a:t>1</a:t>
            </a:fld>
            <a:endParaRPr lang="en-AU"/>
          </a:p>
        </p:txBody>
      </p:sp>
    </p:spTree>
    <p:extLst>
      <p:ext uri="{BB962C8B-B14F-4D97-AF65-F5344CB8AC3E}">
        <p14:creationId xmlns:p14="http://schemas.microsoft.com/office/powerpoint/2010/main" val="243514515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2</a:t>
            </a:fld>
            <a:endParaRPr lang="en-AU"/>
          </a:p>
        </p:txBody>
      </p:sp>
    </p:spTree>
    <p:extLst>
      <p:ext uri="{BB962C8B-B14F-4D97-AF65-F5344CB8AC3E}">
        <p14:creationId xmlns:p14="http://schemas.microsoft.com/office/powerpoint/2010/main" val="240326619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4057C3FE-26A4-4016-9A9C-79AF3EE619F6}" type="slidenum">
              <a:rPr lang="en-AU" smtClean="0"/>
              <a:t>5</a:t>
            </a:fld>
            <a:endParaRPr lang="en-AU"/>
          </a:p>
        </p:txBody>
      </p:sp>
    </p:spTree>
    <p:extLst>
      <p:ext uri="{BB962C8B-B14F-4D97-AF65-F5344CB8AC3E}">
        <p14:creationId xmlns:p14="http://schemas.microsoft.com/office/powerpoint/2010/main" val="123423918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4057C3FE-26A4-4016-9A9C-79AF3EE619F6}" type="slidenum">
              <a:rPr lang="en-AU" smtClean="0"/>
              <a:t>6</a:t>
            </a:fld>
            <a:endParaRPr lang="en-AU"/>
          </a:p>
        </p:txBody>
      </p:sp>
    </p:spTree>
    <p:extLst>
      <p:ext uri="{BB962C8B-B14F-4D97-AF65-F5344CB8AC3E}">
        <p14:creationId xmlns:p14="http://schemas.microsoft.com/office/powerpoint/2010/main" val="156546277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9</a:t>
            </a:fld>
            <a:endParaRPr lang="en-AU"/>
          </a:p>
        </p:txBody>
      </p:sp>
    </p:spTree>
    <p:extLst>
      <p:ext uri="{BB962C8B-B14F-4D97-AF65-F5344CB8AC3E}">
        <p14:creationId xmlns:p14="http://schemas.microsoft.com/office/powerpoint/2010/main" val="114210183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10</a:t>
            </a:fld>
            <a:endParaRPr lang="en-AU"/>
          </a:p>
        </p:txBody>
      </p:sp>
    </p:spTree>
    <p:extLst>
      <p:ext uri="{BB962C8B-B14F-4D97-AF65-F5344CB8AC3E}">
        <p14:creationId xmlns:p14="http://schemas.microsoft.com/office/powerpoint/2010/main" val="48208509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lvl="0" indent="-171450">
              <a:buFont typeface="Arial" panose="020B0604020202020204" pitchFamily="34" charset="0"/>
              <a:buChar char="•"/>
            </a:pPr>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11</a:t>
            </a:fld>
            <a:endParaRPr lang="en-AU"/>
          </a:p>
        </p:txBody>
      </p:sp>
    </p:spTree>
    <p:extLst>
      <p:ext uri="{BB962C8B-B14F-4D97-AF65-F5344CB8AC3E}">
        <p14:creationId xmlns:p14="http://schemas.microsoft.com/office/powerpoint/2010/main" val="18389336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12</a:t>
            </a:fld>
            <a:endParaRPr lang="en-AU"/>
          </a:p>
        </p:txBody>
      </p:sp>
    </p:spTree>
    <p:extLst>
      <p:ext uri="{BB962C8B-B14F-4D97-AF65-F5344CB8AC3E}">
        <p14:creationId xmlns:p14="http://schemas.microsoft.com/office/powerpoint/2010/main" val="97175191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4057C3FE-26A4-4016-9A9C-79AF3EE619F6}" type="slidenum">
              <a:rPr lang="en-AU" smtClean="0"/>
              <a:t>13</a:t>
            </a:fld>
            <a:endParaRPr lang="en-AU"/>
          </a:p>
        </p:txBody>
      </p:sp>
    </p:spTree>
    <p:extLst>
      <p:ext uri="{BB962C8B-B14F-4D97-AF65-F5344CB8AC3E}">
        <p14:creationId xmlns:p14="http://schemas.microsoft.com/office/powerpoint/2010/main" val="117063661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image" Target="../media/image7.svg"/><Relationship Id="rId5" Type="http://schemas.openxmlformats.org/officeDocument/2006/relationships/image" Target="../media/image6.png"/><Relationship Id="rId4" Type="http://schemas.openxmlformats.org/officeDocument/2006/relationships/image" Target="../media/image5.png"/></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256" name="Rectangle 255"/>
          <p:cNvSpPr/>
          <p:nvPr userDrawn="1"/>
        </p:nvSpPr>
        <p:spPr>
          <a:xfrm>
            <a:off x="1" y="3529781"/>
            <a:ext cx="9154473" cy="1613718"/>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sp>
        <p:nvSpPr>
          <p:cNvPr id="2" name="Title 1"/>
          <p:cNvSpPr>
            <a:spLocks noGrp="1"/>
          </p:cNvSpPr>
          <p:nvPr>
            <p:ph type="ctrTitle" hasCustomPrompt="1"/>
          </p:nvPr>
        </p:nvSpPr>
        <p:spPr>
          <a:xfrm>
            <a:off x="596405" y="1531212"/>
            <a:ext cx="7010626" cy="1077218"/>
          </a:xfrm>
          <a:prstGeom prst="rect">
            <a:avLst/>
          </a:prstGeom>
        </p:spPr>
        <p:txBody>
          <a:bodyPr wrap="square" anchor="t" anchorCtr="0">
            <a:noAutofit/>
          </a:bodyPr>
          <a:lstStyle>
            <a:lvl1pPr algn="l">
              <a:defRPr sz="3200" b="1" baseline="0">
                <a:solidFill>
                  <a:schemeClr val="tx1">
                    <a:lumMod val="75000"/>
                    <a:lumOff val="25000"/>
                  </a:schemeClr>
                </a:solidFill>
                <a:latin typeface="Arial Black" panose="020B0A04020102020204" pitchFamily="34" charset="0"/>
              </a:defRPr>
            </a:lvl1pPr>
          </a:lstStyle>
          <a:p>
            <a:r>
              <a:rPr lang="en-US"/>
              <a:t>Single speaker presentation title, one or more lines</a:t>
            </a:r>
            <a:endParaRPr lang="en-AU"/>
          </a:p>
        </p:txBody>
      </p:sp>
      <p:sp>
        <p:nvSpPr>
          <p:cNvPr id="257" name="Text Placeholder 256"/>
          <p:cNvSpPr>
            <a:spLocks noGrp="1"/>
          </p:cNvSpPr>
          <p:nvPr userDrawn="1">
            <p:ph type="body" sz="quarter" idx="13" hasCustomPrompt="1"/>
          </p:nvPr>
        </p:nvSpPr>
        <p:spPr>
          <a:xfrm>
            <a:off x="596920" y="3856877"/>
            <a:ext cx="5454651" cy="353305"/>
          </a:xfrm>
          <a:prstGeom prst="rect">
            <a:avLst/>
          </a:prstGeom>
        </p:spPr>
        <p:txBody>
          <a:bodyPr>
            <a:normAutofit/>
          </a:bodyPr>
          <a:lstStyle>
            <a:lvl1pPr marL="0" indent="0">
              <a:buNone/>
              <a:defRPr sz="1800" baseline="0">
                <a:solidFill>
                  <a:schemeClr val="bg1"/>
                </a:solidFill>
              </a:defRPr>
            </a:lvl1pPr>
          </a:lstStyle>
          <a:p>
            <a:pPr lvl="0"/>
            <a:r>
              <a:rPr lang="en-US"/>
              <a:t>Event name, location and date</a:t>
            </a:r>
            <a:endParaRPr lang="en-AU"/>
          </a:p>
        </p:txBody>
      </p:sp>
      <p:pic>
        <p:nvPicPr>
          <p:cNvPr id="255" name="Picture 254"/>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96405" y="294259"/>
            <a:ext cx="2725341" cy="660383"/>
          </a:xfrm>
          <a:prstGeom prst="rect">
            <a:avLst/>
          </a:prstGeom>
        </p:spPr>
      </p:pic>
      <p:sp>
        <p:nvSpPr>
          <p:cNvPr id="8" name="Text Placeholder 256"/>
          <p:cNvSpPr>
            <a:spLocks noGrp="1"/>
          </p:cNvSpPr>
          <p:nvPr>
            <p:ph type="body" sz="quarter" idx="14" hasCustomPrompt="1"/>
          </p:nvPr>
        </p:nvSpPr>
        <p:spPr>
          <a:xfrm>
            <a:off x="596920" y="4323535"/>
            <a:ext cx="5454651" cy="353305"/>
          </a:xfrm>
          <a:prstGeom prst="rect">
            <a:avLst/>
          </a:prstGeom>
        </p:spPr>
        <p:txBody>
          <a:bodyPr>
            <a:normAutofit/>
          </a:bodyPr>
          <a:lstStyle>
            <a:lvl1pPr marL="0" indent="0">
              <a:buNone/>
              <a:defRPr sz="1800" baseline="0">
                <a:solidFill>
                  <a:schemeClr val="bg1"/>
                </a:solidFill>
              </a:defRPr>
            </a:lvl1pPr>
          </a:lstStyle>
          <a:p>
            <a:pPr lvl="0"/>
            <a:r>
              <a:rPr lang="en-US"/>
              <a:t>Presenter name, presenter title</a:t>
            </a:r>
            <a:endParaRPr lang="en-AU"/>
          </a:p>
        </p:txBody>
      </p:sp>
      <p:pic>
        <p:nvPicPr>
          <p:cNvPr id="7" name="Picture 6" descr="Background pattern&#10;&#10;Description automatically generated with medium confidence">
            <a:extLst>
              <a:ext uri="{FF2B5EF4-FFF2-40B4-BE49-F238E27FC236}">
                <a16:creationId xmlns:a16="http://schemas.microsoft.com/office/drawing/2014/main" id="{8048C179-C5F9-41D4-833B-EE16343C0C0F}"/>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298143" y="1915884"/>
            <a:ext cx="4856331" cy="3237554"/>
          </a:xfrm>
          <a:prstGeom prst="rect">
            <a:avLst/>
          </a:prstGeom>
        </p:spPr>
      </p:pic>
    </p:spTree>
    <p:extLst>
      <p:ext uri="{BB962C8B-B14F-4D97-AF65-F5344CB8AC3E}">
        <p14:creationId xmlns:p14="http://schemas.microsoft.com/office/powerpoint/2010/main" val="343187118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Multiple presenters">
    <p:spTree>
      <p:nvGrpSpPr>
        <p:cNvPr id="1" name=""/>
        <p:cNvGrpSpPr/>
        <p:nvPr/>
      </p:nvGrpSpPr>
      <p:grpSpPr>
        <a:xfrm>
          <a:off x="0" y="0"/>
          <a:ext cx="0" cy="0"/>
          <a:chOff x="0" y="0"/>
          <a:chExt cx="0" cy="0"/>
        </a:xfrm>
      </p:grpSpPr>
      <p:sp>
        <p:nvSpPr>
          <p:cNvPr id="256" name="Rectangle 255"/>
          <p:cNvSpPr/>
          <p:nvPr userDrawn="1"/>
        </p:nvSpPr>
        <p:spPr>
          <a:xfrm>
            <a:off x="1" y="2759006"/>
            <a:ext cx="9154473" cy="2384493"/>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sp>
        <p:nvSpPr>
          <p:cNvPr id="2" name="Title 1"/>
          <p:cNvSpPr>
            <a:spLocks noGrp="1"/>
          </p:cNvSpPr>
          <p:nvPr>
            <p:ph type="ctrTitle" hasCustomPrompt="1"/>
          </p:nvPr>
        </p:nvSpPr>
        <p:spPr>
          <a:xfrm>
            <a:off x="596405" y="1256660"/>
            <a:ext cx="7113651" cy="945521"/>
          </a:xfrm>
          <a:prstGeom prst="rect">
            <a:avLst/>
          </a:prstGeom>
        </p:spPr>
        <p:txBody>
          <a:bodyPr wrap="square" anchor="t" anchorCtr="0">
            <a:noAutofit/>
          </a:bodyPr>
          <a:lstStyle>
            <a:lvl1pPr algn="l">
              <a:defRPr sz="2800" b="1" baseline="0">
                <a:solidFill>
                  <a:schemeClr val="tx1">
                    <a:lumMod val="75000"/>
                    <a:lumOff val="25000"/>
                  </a:schemeClr>
                </a:solidFill>
                <a:latin typeface="Arial Black" panose="020B0A04020102020204" pitchFamily="34" charset="0"/>
              </a:defRPr>
            </a:lvl1pPr>
          </a:lstStyle>
          <a:p>
            <a:r>
              <a:rPr lang="en-US"/>
              <a:t>Multiple speaker presentation title, one or two lines</a:t>
            </a:r>
            <a:endParaRPr lang="en-AU"/>
          </a:p>
        </p:txBody>
      </p:sp>
      <p:sp>
        <p:nvSpPr>
          <p:cNvPr id="257" name="Text Placeholder 256"/>
          <p:cNvSpPr>
            <a:spLocks noGrp="1"/>
          </p:cNvSpPr>
          <p:nvPr userDrawn="1">
            <p:ph type="body" sz="quarter" idx="13" hasCustomPrompt="1"/>
          </p:nvPr>
        </p:nvSpPr>
        <p:spPr>
          <a:xfrm>
            <a:off x="596920" y="2202181"/>
            <a:ext cx="5454651" cy="353305"/>
          </a:xfrm>
          <a:prstGeom prst="rect">
            <a:avLst/>
          </a:prstGeom>
        </p:spPr>
        <p:txBody>
          <a:bodyPr>
            <a:normAutofit/>
          </a:bodyPr>
          <a:lstStyle>
            <a:lvl1pPr marL="0" indent="0">
              <a:buNone/>
              <a:defRPr sz="1800" baseline="0">
                <a:solidFill>
                  <a:schemeClr val="tx1">
                    <a:lumMod val="75000"/>
                    <a:lumOff val="25000"/>
                  </a:schemeClr>
                </a:solidFill>
              </a:defRPr>
            </a:lvl1pPr>
          </a:lstStyle>
          <a:p>
            <a:pPr lvl="0"/>
            <a:r>
              <a:rPr lang="en-US"/>
              <a:t>Event name, location and date</a:t>
            </a:r>
            <a:endParaRPr lang="en-AU"/>
          </a:p>
        </p:txBody>
      </p:sp>
      <p:sp>
        <p:nvSpPr>
          <p:cNvPr id="266" name="Text Placeholder 265"/>
          <p:cNvSpPr>
            <a:spLocks noGrp="1"/>
          </p:cNvSpPr>
          <p:nvPr>
            <p:ph type="body" sz="quarter" idx="15" hasCustomPrompt="1"/>
          </p:nvPr>
        </p:nvSpPr>
        <p:spPr>
          <a:xfrm>
            <a:off x="596406" y="2895535"/>
            <a:ext cx="2236392" cy="433553"/>
          </a:xfrm>
          <a:prstGeom prst="rect">
            <a:avLst/>
          </a:prstGeom>
          <a:noFill/>
        </p:spPr>
        <p:txBody>
          <a:bodyPr wrap="none" lIns="252000" tIns="108000" rIns="180000" bIns="108000" anchor="ctr">
            <a:spAutoFit/>
          </a:bodyPr>
          <a:lstStyle>
            <a:lvl1pPr marL="0" indent="0">
              <a:buNone/>
              <a:defRPr sz="1400" b="0" baseline="0">
                <a:solidFill>
                  <a:schemeClr val="bg1"/>
                </a:solidFill>
              </a:defRPr>
            </a:lvl1pPr>
          </a:lstStyle>
          <a:p>
            <a:pPr lvl="0"/>
            <a:r>
              <a:rPr lang="en-US"/>
              <a:t>Presenter 1 name, title</a:t>
            </a:r>
            <a:endParaRPr lang="en-AU"/>
          </a:p>
        </p:txBody>
      </p:sp>
      <p:pic>
        <p:nvPicPr>
          <p:cNvPr id="255" name="Picture 254"/>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96405" y="294259"/>
            <a:ext cx="2725341" cy="660383"/>
          </a:xfrm>
          <a:prstGeom prst="rect">
            <a:avLst/>
          </a:prstGeom>
        </p:spPr>
      </p:pic>
      <p:sp>
        <p:nvSpPr>
          <p:cNvPr id="8" name="Text Placeholder 265"/>
          <p:cNvSpPr>
            <a:spLocks noGrp="1"/>
          </p:cNvSpPr>
          <p:nvPr>
            <p:ph type="body" sz="quarter" idx="16" hasCustomPrompt="1"/>
          </p:nvPr>
        </p:nvSpPr>
        <p:spPr>
          <a:xfrm>
            <a:off x="596406" y="3452361"/>
            <a:ext cx="2236392" cy="433553"/>
          </a:xfrm>
          <a:prstGeom prst="rect">
            <a:avLst/>
          </a:prstGeom>
          <a:noFill/>
        </p:spPr>
        <p:txBody>
          <a:bodyPr wrap="none" lIns="252000" tIns="108000" rIns="180000" bIns="108000" anchor="ctr">
            <a:spAutoFit/>
          </a:bodyPr>
          <a:lstStyle>
            <a:lvl1pPr marL="0" indent="0">
              <a:buNone/>
              <a:defRPr sz="1400" b="0" baseline="0">
                <a:solidFill>
                  <a:schemeClr val="bg1"/>
                </a:solidFill>
              </a:defRPr>
            </a:lvl1pPr>
          </a:lstStyle>
          <a:p>
            <a:pPr lvl="0"/>
            <a:r>
              <a:rPr lang="en-US"/>
              <a:t>Presenter 2 name, title</a:t>
            </a:r>
            <a:endParaRPr lang="en-AU"/>
          </a:p>
        </p:txBody>
      </p:sp>
      <p:sp>
        <p:nvSpPr>
          <p:cNvPr id="9" name="Text Placeholder 265"/>
          <p:cNvSpPr>
            <a:spLocks noGrp="1"/>
          </p:cNvSpPr>
          <p:nvPr>
            <p:ph type="body" sz="quarter" idx="17" hasCustomPrompt="1"/>
          </p:nvPr>
        </p:nvSpPr>
        <p:spPr>
          <a:xfrm>
            <a:off x="596406" y="4009187"/>
            <a:ext cx="2236392" cy="433553"/>
          </a:xfrm>
          <a:prstGeom prst="rect">
            <a:avLst/>
          </a:prstGeom>
          <a:noFill/>
        </p:spPr>
        <p:txBody>
          <a:bodyPr wrap="none" lIns="252000" tIns="108000" rIns="180000" bIns="108000" anchor="ctr">
            <a:spAutoFit/>
          </a:bodyPr>
          <a:lstStyle>
            <a:lvl1pPr marL="0" indent="0">
              <a:buNone/>
              <a:defRPr sz="1400" b="0" baseline="0">
                <a:solidFill>
                  <a:schemeClr val="bg1"/>
                </a:solidFill>
              </a:defRPr>
            </a:lvl1pPr>
          </a:lstStyle>
          <a:p>
            <a:pPr lvl="0"/>
            <a:r>
              <a:rPr lang="en-US"/>
              <a:t>Presenter 1 name, title</a:t>
            </a:r>
            <a:endParaRPr lang="en-AU"/>
          </a:p>
        </p:txBody>
      </p:sp>
      <p:sp>
        <p:nvSpPr>
          <p:cNvPr id="10" name="Text Placeholder 265"/>
          <p:cNvSpPr>
            <a:spLocks noGrp="1"/>
          </p:cNvSpPr>
          <p:nvPr>
            <p:ph type="body" sz="quarter" idx="18" hasCustomPrompt="1"/>
          </p:nvPr>
        </p:nvSpPr>
        <p:spPr>
          <a:xfrm>
            <a:off x="596406" y="4566013"/>
            <a:ext cx="2236392" cy="433553"/>
          </a:xfrm>
          <a:prstGeom prst="rect">
            <a:avLst/>
          </a:prstGeom>
          <a:noFill/>
        </p:spPr>
        <p:txBody>
          <a:bodyPr wrap="none" lIns="252000" tIns="108000" rIns="180000" bIns="108000" anchor="ctr">
            <a:spAutoFit/>
          </a:bodyPr>
          <a:lstStyle>
            <a:lvl1pPr marL="0" indent="0">
              <a:buNone/>
              <a:defRPr sz="1400" b="0" baseline="0">
                <a:solidFill>
                  <a:schemeClr val="bg1"/>
                </a:solidFill>
              </a:defRPr>
            </a:lvl1pPr>
          </a:lstStyle>
          <a:p>
            <a:pPr lvl="0"/>
            <a:r>
              <a:rPr lang="en-US"/>
              <a:t>Presenter 2 name, title</a:t>
            </a:r>
            <a:endParaRPr lang="en-AU"/>
          </a:p>
        </p:txBody>
      </p:sp>
      <p:pic>
        <p:nvPicPr>
          <p:cNvPr id="11" name="Picture 10" descr="Background pattern&#10;&#10;Description automatically generated with medium confidence">
            <a:extLst>
              <a:ext uri="{FF2B5EF4-FFF2-40B4-BE49-F238E27FC236}">
                <a16:creationId xmlns:a16="http://schemas.microsoft.com/office/drawing/2014/main" id="{AFE21795-D84B-4B45-B66C-7E662CF02D21}"/>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298143" y="1905946"/>
            <a:ext cx="4856331" cy="3237554"/>
          </a:xfrm>
          <a:prstGeom prst="rect">
            <a:avLst/>
          </a:prstGeom>
        </p:spPr>
      </p:pic>
    </p:spTree>
    <p:extLst>
      <p:ext uri="{BB962C8B-B14F-4D97-AF65-F5344CB8AC3E}">
        <p14:creationId xmlns:p14="http://schemas.microsoft.com/office/powerpoint/2010/main" val="73419099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189577" y="194371"/>
            <a:ext cx="4258410" cy="392415"/>
          </a:xfrm>
          <a:prstGeom prst="rect">
            <a:avLst/>
          </a:prstGeom>
        </p:spPr>
        <p:txBody>
          <a:bodyPr wrap="none" anchor="t" anchorCtr="0">
            <a:noAutofit/>
          </a:bodyPr>
          <a:lstStyle>
            <a:lvl1pPr algn="l">
              <a:defRPr sz="2400" b="1">
                <a:solidFill>
                  <a:schemeClr val="tx1">
                    <a:lumMod val="75000"/>
                    <a:lumOff val="25000"/>
                  </a:schemeClr>
                </a:solidFill>
                <a:latin typeface="Arial Black" panose="020B0A04020102020204" pitchFamily="34" charset="0"/>
              </a:defRPr>
            </a:lvl1pPr>
          </a:lstStyle>
          <a:p>
            <a:r>
              <a:rPr lang="en-US"/>
              <a:t>Click to edit Master title style</a:t>
            </a:r>
            <a:endParaRPr lang="en-AU"/>
          </a:p>
        </p:txBody>
      </p:sp>
      <p:sp>
        <p:nvSpPr>
          <p:cNvPr id="13" name="Text Placeholder 256">
            <a:extLst>
              <a:ext uri="{FF2B5EF4-FFF2-40B4-BE49-F238E27FC236}">
                <a16:creationId xmlns:a16="http://schemas.microsoft.com/office/drawing/2014/main" id="{31E6C9C9-436A-4C26-935C-4D2B94684365}"/>
              </a:ext>
            </a:extLst>
          </p:cNvPr>
          <p:cNvSpPr>
            <a:spLocks noGrp="1"/>
          </p:cNvSpPr>
          <p:nvPr>
            <p:ph type="body" sz="quarter" idx="14" hasCustomPrompt="1"/>
          </p:nvPr>
        </p:nvSpPr>
        <p:spPr>
          <a:xfrm>
            <a:off x="7403466" y="4707997"/>
            <a:ext cx="1239790" cy="335646"/>
          </a:xfrm>
          <a:prstGeom prst="rect">
            <a:avLst/>
          </a:prstGeom>
          <a:noFill/>
          <a:ln>
            <a:noFill/>
          </a:ln>
        </p:spPr>
        <p:txBody>
          <a:bodyPr wrap="none" lIns="144000" tIns="90000" rIns="144000" bIns="90000" anchor="ctr">
            <a:spAutoFit/>
          </a:bodyPr>
          <a:lstStyle>
            <a:lvl1pPr marL="0" indent="0" algn="r">
              <a:buNone/>
              <a:defRPr sz="1000" b="0">
                <a:solidFill>
                  <a:schemeClr val="tx1">
                    <a:lumMod val="75000"/>
                    <a:lumOff val="25000"/>
                  </a:schemeClr>
                </a:solidFill>
              </a:defRPr>
            </a:lvl1pPr>
          </a:lstStyle>
          <a:p>
            <a:pPr lvl="0"/>
            <a:r>
              <a:rPr lang="en-US"/>
              <a:t>Presentation title</a:t>
            </a:r>
            <a:endParaRPr lang="en-AU"/>
          </a:p>
        </p:txBody>
      </p:sp>
      <p:sp>
        <p:nvSpPr>
          <p:cNvPr id="14" name="Slide Number Placeholder 5">
            <a:extLst>
              <a:ext uri="{FF2B5EF4-FFF2-40B4-BE49-F238E27FC236}">
                <a16:creationId xmlns:a16="http://schemas.microsoft.com/office/drawing/2014/main" id="{BAC9979A-C088-4E3B-953F-008670A23815}"/>
              </a:ext>
            </a:extLst>
          </p:cNvPr>
          <p:cNvSpPr>
            <a:spLocks noGrp="1"/>
          </p:cNvSpPr>
          <p:nvPr>
            <p:ph type="sldNum" sz="quarter" idx="4"/>
          </p:nvPr>
        </p:nvSpPr>
        <p:spPr>
          <a:xfrm>
            <a:off x="8643255" y="4707994"/>
            <a:ext cx="341761" cy="335646"/>
          </a:xfrm>
          <a:prstGeom prst="rect">
            <a:avLst/>
          </a:prstGeom>
          <a:noFill/>
        </p:spPr>
        <p:txBody>
          <a:bodyPr wrap="none" tIns="90000" bIns="90000" anchor="ctr">
            <a:spAutoFit/>
          </a:bodyPr>
          <a:lstStyle>
            <a:lvl1pPr algn="ctr">
              <a:defRPr sz="1000" b="0">
                <a:solidFill>
                  <a:schemeClr val="tx1"/>
                </a:solidFill>
                <a:latin typeface="Arial" panose="020B0604020202020204" pitchFamily="34" charset="0"/>
                <a:cs typeface="Arial" panose="020B0604020202020204" pitchFamily="34" charset="0"/>
              </a:defRPr>
            </a:lvl1pPr>
          </a:lstStyle>
          <a:p>
            <a:fld id="{8A657B52-D046-4802-A3DE-55E7ED70298C}" type="slidenum">
              <a:rPr lang="en-AU" smtClean="0"/>
              <a:pPr/>
              <a:t>‹#›</a:t>
            </a:fld>
            <a:endParaRPr lang="en-AU"/>
          </a:p>
        </p:txBody>
      </p:sp>
      <p:cxnSp>
        <p:nvCxnSpPr>
          <p:cNvPr id="15" name="Straight Connector 14">
            <a:extLst>
              <a:ext uri="{FF2B5EF4-FFF2-40B4-BE49-F238E27FC236}">
                <a16:creationId xmlns:a16="http://schemas.microsoft.com/office/drawing/2014/main" id="{FDCF8400-D6AA-4A4C-8380-F6C2C1FD4AC1}"/>
              </a:ext>
            </a:extLst>
          </p:cNvPr>
          <p:cNvCxnSpPr>
            <a:cxnSpLocks/>
          </p:cNvCxnSpPr>
          <p:nvPr userDrawn="1"/>
        </p:nvCxnSpPr>
        <p:spPr>
          <a:xfrm>
            <a:off x="8661383" y="5037552"/>
            <a:ext cx="322867" cy="0"/>
          </a:xfrm>
          <a:prstGeom prst="line">
            <a:avLst/>
          </a:prstGeom>
          <a:ln w="34925">
            <a:solidFill>
              <a:schemeClr val="bg2"/>
            </a:solidFill>
          </a:ln>
        </p:spPr>
        <p:style>
          <a:lnRef idx="1">
            <a:schemeClr val="accent1"/>
          </a:lnRef>
          <a:fillRef idx="0">
            <a:schemeClr val="accent1"/>
          </a:fillRef>
          <a:effectRef idx="0">
            <a:schemeClr val="accent1"/>
          </a:effectRef>
          <a:fontRef idx="minor">
            <a:schemeClr val="tx1"/>
          </a:fontRef>
        </p:style>
      </p:cxnSp>
      <p:sp>
        <p:nvSpPr>
          <p:cNvPr id="7" name="Text Placeholder 2">
            <a:extLst>
              <a:ext uri="{FF2B5EF4-FFF2-40B4-BE49-F238E27FC236}">
                <a16:creationId xmlns:a16="http://schemas.microsoft.com/office/drawing/2014/main" id="{7B8AA4E0-BC29-4BCB-9F89-C1FD0715987E}"/>
              </a:ext>
            </a:extLst>
          </p:cNvPr>
          <p:cNvSpPr>
            <a:spLocks noGrp="1"/>
          </p:cNvSpPr>
          <p:nvPr>
            <p:ph idx="1" hasCustomPrompt="1"/>
          </p:nvPr>
        </p:nvSpPr>
        <p:spPr>
          <a:xfrm>
            <a:off x="238125" y="1019176"/>
            <a:ext cx="8448675" cy="3394472"/>
          </a:xfrm>
          <a:prstGeom prst="rect">
            <a:avLst/>
          </a:prstGeom>
        </p:spPr>
        <p:txBody>
          <a:bodyPr vert="horz" lIns="91440" tIns="45720" rIns="91440" bIns="45720" rtlCol="0">
            <a:normAutofit/>
          </a:bodyPr>
          <a:lstStyle>
            <a:lvl1pPr marL="0" indent="0">
              <a:buNone/>
              <a:defRPr/>
            </a:lvl1pPr>
          </a:lstStyle>
          <a:p>
            <a:pPr lvl="0"/>
            <a:r>
              <a:rPr lang="en-US"/>
              <a:t>Heading</a:t>
            </a:r>
          </a:p>
          <a:p>
            <a:pPr lvl="1"/>
            <a:r>
              <a:rPr lang="en-US"/>
              <a:t>Second level</a:t>
            </a:r>
          </a:p>
          <a:p>
            <a:pPr lvl="2"/>
            <a:r>
              <a:rPr lang="en-US"/>
              <a:t>Third level</a:t>
            </a:r>
          </a:p>
        </p:txBody>
      </p:sp>
    </p:spTree>
    <p:extLst>
      <p:ext uri="{BB962C8B-B14F-4D97-AF65-F5344CB8AC3E}">
        <p14:creationId xmlns:p14="http://schemas.microsoft.com/office/powerpoint/2010/main" val="75319701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97DF7A3-C896-4A2E-9482-91F25445F6D3}"/>
              </a:ext>
            </a:extLst>
          </p:cNvPr>
          <p:cNvSpPr/>
          <p:nvPr userDrawn="1"/>
        </p:nvSpPr>
        <p:spPr>
          <a:xfrm>
            <a:off x="0" y="712653"/>
            <a:ext cx="9144000" cy="388438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sp>
        <p:nvSpPr>
          <p:cNvPr id="8" name="Title 1">
            <a:extLst>
              <a:ext uri="{FF2B5EF4-FFF2-40B4-BE49-F238E27FC236}">
                <a16:creationId xmlns:a16="http://schemas.microsoft.com/office/drawing/2014/main" id="{A270C4A3-DA62-469E-A35A-0EC2FCEBE708}"/>
              </a:ext>
            </a:extLst>
          </p:cNvPr>
          <p:cNvSpPr>
            <a:spLocks noGrp="1"/>
          </p:cNvSpPr>
          <p:nvPr>
            <p:ph type="title"/>
          </p:nvPr>
        </p:nvSpPr>
        <p:spPr>
          <a:xfrm>
            <a:off x="189577" y="194371"/>
            <a:ext cx="4258410" cy="392415"/>
          </a:xfrm>
          <a:prstGeom prst="rect">
            <a:avLst/>
          </a:prstGeom>
        </p:spPr>
        <p:txBody>
          <a:bodyPr wrap="none" anchor="t" anchorCtr="0">
            <a:noAutofit/>
          </a:bodyPr>
          <a:lstStyle>
            <a:lvl1pPr algn="l">
              <a:defRPr sz="2400" b="1">
                <a:solidFill>
                  <a:schemeClr val="tx1">
                    <a:lumMod val="75000"/>
                    <a:lumOff val="25000"/>
                  </a:schemeClr>
                </a:solidFill>
                <a:latin typeface="Arial Black" panose="020B0A04020102020204" pitchFamily="34" charset="0"/>
              </a:defRPr>
            </a:lvl1pPr>
          </a:lstStyle>
          <a:p>
            <a:r>
              <a:rPr lang="en-US"/>
              <a:t>Click to edit Master title style</a:t>
            </a:r>
            <a:endParaRPr lang="en-AU"/>
          </a:p>
        </p:txBody>
      </p:sp>
      <p:sp>
        <p:nvSpPr>
          <p:cNvPr id="9" name="Text Placeholder 256">
            <a:extLst>
              <a:ext uri="{FF2B5EF4-FFF2-40B4-BE49-F238E27FC236}">
                <a16:creationId xmlns:a16="http://schemas.microsoft.com/office/drawing/2014/main" id="{E534BE5A-387B-4DC1-B28F-4C536BAE2198}"/>
              </a:ext>
            </a:extLst>
          </p:cNvPr>
          <p:cNvSpPr>
            <a:spLocks noGrp="1"/>
          </p:cNvSpPr>
          <p:nvPr>
            <p:ph type="body" sz="quarter" idx="14" hasCustomPrompt="1"/>
          </p:nvPr>
        </p:nvSpPr>
        <p:spPr>
          <a:xfrm>
            <a:off x="7403466" y="4707997"/>
            <a:ext cx="1239790" cy="335646"/>
          </a:xfrm>
          <a:prstGeom prst="rect">
            <a:avLst/>
          </a:prstGeom>
          <a:noFill/>
          <a:ln>
            <a:noFill/>
          </a:ln>
        </p:spPr>
        <p:txBody>
          <a:bodyPr wrap="none" lIns="144000" tIns="90000" rIns="144000" bIns="90000" anchor="ctr">
            <a:spAutoFit/>
          </a:bodyPr>
          <a:lstStyle>
            <a:lvl1pPr marL="0" indent="0" algn="r">
              <a:buNone/>
              <a:defRPr sz="1000" b="0">
                <a:solidFill>
                  <a:schemeClr val="tx1">
                    <a:lumMod val="75000"/>
                    <a:lumOff val="25000"/>
                  </a:schemeClr>
                </a:solidFill>
              </a:defRPr>
            </a:lvl1pPr>
          </a:lstStyle>
          <a:p>
            <a:pPr lvl="0"/>
            <a:r>
              <a:rPr lang="en-US"/>
              <a:t>Presentation title</a:t>
            </a:r>
            <a:endParaRPr lang="en-AU"/>
          </a:p>
        </p:txBody>
      </p:sp>
      <p:sp>
        <p:nvSpPr>
          <p:cNvPr id="10" name="Slide Number Placeholder 5">
            <a:extLst>
              <a:ext uri="{FF2B5EF4-FFF2-40B4-BE49-F238E27FC236}">
                <a16:creationId xmlns:a16="http://schemas.microsoft.com/office/drawing/2014/main" id="{4DACC307-18AE-4224-B840-3191AC1719E1}"/>
              </a:ext>
            </a:extLst>
          </p:cNvPr>
          <p:cNvSpPr txBox="1">
            <a:spLocks/>
          </p:cNvSpPr>
          <p:nvPr userDrawn="1"/>
        </p:nvSpPr>
        <p:spPr>
          <a:xfrm>
            <a:off x="8636042" y="4730713"/>
            <a:ext cx="356188" cy="290207"/>
          </a:xfrm>
          <a:prstGeom prst="rect">
            <a:avLst/>
          </a:prstGeom>
          <a:noFill/>
        </p:spPr>
        <p:txBody>
          <a:bodyPr wrap="none" tIns="67500" bIns="67500" anchor="ctr">
            <a:spAutoFit/>
          </a:bodyPr>
          <a:lstStyle>
            <a:defPPr>
              <a:defRPr lang="en-US"/>
            </a:defPPr>
            <a:lvl1pPr marL="0" algn="ctr" defTabSz="914400" rtl="0" eaLnBrk="1" latinLnBrk="0" hangingPunct="1">
              <a:defRPr sz="1333" b="0" kern="1200">
                <a:solidFill>
                  <a:schemeClr val="tx1"/>
                </a:solidFill>
                <a:latin typeface="Arial" panose="020B0604020202020204" pitchFamily="34" charset="0"/>
                <a:ea typeface="+mn-ea"/>
                <a:cs typeface="Arial" panose="020B0604020202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A657B52-D046-4802-A3DE-55E7ED70298C}" type="slidenum">
              <a:rPr lang="en-AU" sz="1000" smtClean="0">
                <a:solidFill>
                  <a:schemeClr val="tx1">
                    <a:lumMod val="65000"/>
                    <a:lumOff val="35000"/>
                  </a:schemeClr>
                </a:solidFill>
                <a:latin typeface="Arial Black" panose="020B0A04020102020204" pitchFamily="34" charset="0"/>
              </a:rPr>
              <a:pPr/>
              <a:t>‹#›</a:t>
            </a:fld>
            <a:endParaRPr lang="en-AU" sz="1000">
              <a:solidFill>
                <a:schemeClr val="tx1">
                  <a:lumMod val="65000"/>
                  <a:lumOff val="35000"/>
                </a:schemeClr>
              </a:solidFill>
              <a:latin typeface="Arial Black" panose="020B0A04020102020204" pitchFamily="34" charset="0"/>
            </a:endParaRPr>
          </a:p>
        </p:txBody>
      </p:sp>
      <p:cxnSp>
        <p:nvCxnSpPr>
          <p:cNvPr id="11" name="Straight Connector 10">
            <a:extLst>
              <a:ext uri="{FF2B5EF4-FFF2-40B4-BE49-F238E27FC236}">
                <a16:creationId xmlns:a16="http://schemas.microsoft.com/office/drawing/2014/main" id="{AB5EB089-0B97-47AD-A13B-98DE7D7C8950}"/>
              </a:ext>
            </a:extLst>
          </p:cNvPr>
          <p:cNvCxnSpPr>
            <a:cxnSpLocks/>
          </p:cNvCxnSpPr>
          <p:nvPr userDrawn="1"/>
        </p:nvCxnSpPr>
        <p:spPr>
          <a:xfrm>
            <a:off x="8661383" y="5037552"/>
            <a:ext cx="322867" cy="0"/>
          </a:xfrm>
          <a:prstGeom prst="line">
            <a:avLst/>
          </a:prstGeom>
          <a:ln w="34925">
            <a:solidFill>
              <a:schemeClr val="bg2"/>
            </a:solidFill>
          </a:ln>
        </p:spPr>
        <p:style>
          <a:lnRef idx="1">
            <a:schemeClr val="accent1"/>
          </a:lnRef>
          <a:fillRef idx="0">
            <a:schemeClr val="accent1"/>
          </a:fillRef>
          <a:effectRef idx="0">
            <a:schemeClr val="accent1"/>
          </a:effectRef>
          <a:fontRef idx="minor">
            <a:schemeClr val="tx1"/>
          </a:fontRef>
        </p:style>
      </p:cxnSp>
      <p:sp>
        <p:nvSpPr>
          <p:cNvPr id="14" name="Text Placeholder 2">
            <a:extLst>
              <a:ext uri="{FF2B5EF4-FFF2-40B4-BE49-F238E27FC236}">
                <a16:creationId xmlns:a16="http://schemas.microsoft.com/office/drawing/2014/main" id="{8C4A890A-0417-4B5D-A529-FF61B380C1C1}"/>
              </a:ext>
            </a:extLst>
          </p:cNvPr>
          <p:cNvSpPr>
            <a:spLocks noGrp="1"/>
          </p:cNvSpPr>
          <p:nvPr>
            <p:ph idx="1" hasCustomPrompt="1"/>
          </p:nvPr>
        </p:nvSpPr>
        <p:spPr>
          <a:xfrm>
            <a:off x="238125" y="1019176"/>
            <a:ext cx="8448675" cy="3394472"/>
          </a:xfrm>
          <a:prstGeom prst="rect">
            <a:avLst/>
          </a:prstGeom>
        </p:spPr>
        <p:txBody>
          <a:bodyPr vert="horz" lIns="91440" tIns="45720" rIns="91440" bIns="45720" rtlCol="0">
            <a:normAutofit/>
          </a:bodyPr>
          <a:lstStyle>
            <a:lvl1pPr marL="0" indent="0">
              <a:buNone/>
              <a:defRPr/>
            </a:lvl1pPr>
          </a:lstStyle>
          <a:p>
            <a:pPr marL="342892" marR="0" lvl="0" indent="-342892" algn="l" defTabSz="914378" rtl="0" eaLnBrk="1" fontAlgn="auto" latinLnBrk="0" hangingPunct="1">
              <a:lnSpc>
                <a:spcPct val="100000"/>
              </a:lnSpc>
              <a:spcBef>
                <a:spcPct val="20000"/>
              </a:spcBef>
              <a:spcAft>
                <a:spcPts val="0"/>
              </a:spcAft>
              <a:buClrTx/>
              <a:buSzTx/>
              <a:buFont typeface="Arial" panose="020B0604020202020204" pitchFamily="34" charset="0"/>
              <a:buChar char="•"/>
              <a:tabLst/>
              <a:defRPr/>
            </a:pPr>
            <a:r>
              <a:rPr kumimoji="0" lang="en-US" sz="2400" b="0" i="0" u="none" strike="noStrike" kern="1200" cap="none" spc="0" normalizeH="0" baseline="0" noProof="0">
                <a:ln>
                  <a:noFill/>
                </a:ln>
                <a:solidFill>
                  <a:prstClr val="black">
                    <a:lumMod val="65000"/>
                    <a:lumOff val="35000"/>
                  </a:prstClr>
                </a:solidFill>
                <a:effectLst/>
                <a:uLnTx/>
                <a:uFillTx/>
                <a:latin typeface="Arial" panose="020B0604020202020204" pitchFamily="34" charset="0"/>
                <a:ea typeface="+mn-ea"/>
                <a:cs typeface="Arial" panose="020B0604020202020204" pitchFamily="34" charset="0"/>
              </a:rPr>
              <a:t>Heading</a:t>
            </a:r>
          </a:p>
          <a:p>
            <a:pPr marL="742931" marR="0" lvl="1" indent="-285743" algn="l" defTabSz="914378" rtl="0" eaLnBrk="1" fontAlgn="auto" latinLnBrk="0" hangingPunct="1">
              <a:lnSpc>
                <a:spcPct val="100000"/>
              </a:lnSpc>
              <a:spcBef>
                <a:spcPct val="20000"/>
              </a:spcBef>
              <a:spcAft>
                <a:spcPts val="0"/>
              </a:spcAft>
              <a:buClrTx/>
              <a:buSzTx/>
              <a:buFont typeface="Arial" panose="020B0604020202020204" pitchFamily="34" charset="0"/>
              <a:buChar char="–"/>
              <a:tabLst/>
              <a:defRPr/>
            </a:pPr>
            <a:r>
              <a:rPr kumimoji="0" lang="en-US" sz="2000" b="0" i="0" u="none" strike="noStrike" kern="1200" cap="none" spc="0" normalizeH="0" baseline="0" noProof="0">
                <a:ln>
                  <a:noFill/>
                </a:ln>
                <a:solidFill>
                  <a:prstClr val="black">
                    <a:lumMod val="65000"/>
                    <a:lumOff val="35000"/>
                  </a:prstClr>
                </a:solidFill>
                <a:effectLst/>
                <a:uLnTx/>
                <a:uFillTx/>
                <a:latin typeface="Arial" panose="020B0604020202020204" pitchFamily="34" charset="0"/>
                <a:ea typeface="+mn-ea"/>
                <a:cs typeface="Arial" panose="020B0604020202020204" pitchFamily="34" charset="0"/>
              </a:rPr>
              <a:t>Second level</a:t>
            </a:r>
          </a:p>
          <a:p>
            <a:pPr marL="1142972" marR="0" lvl="2" indent="-228594" algn="l" defTabSz="914378" rtl="0" eaLnBrk="1" fontAlgn="auto" latinLnBrk="0" hangingPunct="1">
              <a:lnSpc>
                <a:spcPct val="100000"/>
              </a:lnSpc>
              <a:spcBef>
                <a:spcPct val="2000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lumMod val="65000"/>
                    <a:lumOff val="35000"/>
                  </a:prstClr>
                </a:solidFill>
                <a:effectLst/>
                <a:uLnTx/>
                <a:uFillTx/>
                <a:latin typeface="Arial" panose="020B0604020202020204" pitchFamily="34" charset="0"/>
                <a:ea typeface="+mn-ea"/>
                <a:cs typeface="Arial" panose="020B0604020202020204" pitchFamily="34" charset="0"/>
              </a:rPr>
              <a:t>Third level</a:t>
            </a:r>
          </a:p>
        </p:txBody>
      </p:sp>
    </p:spTree>
    <p:extLst>
      <p:ext uri="{BB962C8B-B14F-4D97-AF65-F5344CB8AC3E}">
        <p14:creationId xmlns:p14="http://schemas.microsoft.com/office/powerpoint/2010/main" val="309491024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10" name="Text Placeholder 256"/>
          <p:cNvSpPr>
            <a:spLocks noGrp="1"/>
          </p:cNvSpPr>
          <p:nvPr>
            <p:ph type="body" sz="quarter" idx="15" hasCustomPrompt="1"/>
          </p:nvPr>
        </p:nvSpPr>
        <p:spPr>
          <a:xfrm>
            <a:off x="86634" y="4707271"/>
            <a:ext cx="2246476" cy="335646"/>
          </a:xfrm>
          <a:prstGeom prst="rect">
            <a:avLst/>
          </a:prstGeom>
          <a:solidFill>
            <a:schemeClr val="tx1">
              <a:lumMod val="75000"/>
              <a:lumOff val="25000"/>
            </a:schemeClr>
          </a:solidFill>
          <a:ln>
            <a:noFill/>
          </a:ln>
        </p:spPr>
        <p:txBody>
          <a:bodyPr wrap="none" lIns="144000" tIns="90000" rIns="144000" bIns="90000" anchor="ctr">
            <a:spAutoFit/>
          </a:bodyPr>
          <a:lstStyle>
            <a:lvl1pPr marL="0" indent="0" algn="l">
              <a:buNone/>
              <a:defRPr sz="1000" b="0" i="1" baseline="0">
                <a:solidFill>
                  <a:schemeClr val="bg1"/>
                </a:solidFill>
              </a:defRPr>
            </a:lvl1pPr>
          </a:lstStyle>
          <a:p>
            <a:pPr lvl="0"/>
            <a:r>
              <a:rPr lang="en-US"/>
              <a:t>Image attribution details if required</a:t>
            </a:r>
            <a:endParaRPr lang="en-AU"/>
          </a:p>
        </p:txBody>
      </p:sp>
      <p:sp>
        <p:nvSpPr>
          <p:cNvPr id="18" name="Text Placeholder 256">
            <a:extLst>
              <a:ext uri="{FF2B5EF4-FFF2-40B4-BE49-F238E27FC236}">
                <a16:creationId xmlns:a16="http://schemas.microsoft.com/office/drawing/2014/main" id="{E3A8B0DD-FEE9-47B4-A72C-9EDE364FA164}"/>
              </a:ext>
            </a:extLst>
          </p:cNvPr>
          <p:cNvSpPr>
            <a:spLocks noGrp="1"/>
          </p:cNvSpPr>
          <p:nvPr>
            <p:ph type="body" sz="quarter" idx="14" hasCustomPrompt="1"/>
          </p:nvPr>
        </p:nvSpPr>
        <p:spPr>
          <a:xfrm>
            <a:off x="7403466" y="4707997"/>
            <a:ext cx="1239790" cy="335646"/>
          </a:xfrm>
          <a:prstGeom prst="rect">
            <a:avLst/>
          </a:prstGeom>
          <a:noFill/>
          <a:ln>
            <a:noFill/>
          </a:ln>
        </p:spPr>
        <p:txBody>
          <a:bodyPr wrap="none" lIns="144000" tIns="90000" rIns="144000" bIns="90000" anchor="ctr">
            <a:spAutoFit/>
          </a:bodyPr>
          <a:lstStyle>
            <a:lvl1pPr marL="0" indent="0" algn="r">
              <a:buNone/>
              <a:defRPr sz="1000" b="0">
                <a:solidFill>
                  <a:schemeClr val="tx1">
                    <a:lumMod val="75000"/>
                    <a:lumOff val="25000"/>
                  </a:schemeClr>
                </a:solidFill>
              </a:defRPr>
            </a:lvl1pPr>
          </a:lstStyle>
          <a:p>
            <a:pPr lvl="0"/>
            <a:r>
              <a:rPr lang="en-US"/>
              <a:t>Presentation title</a:t>
            </a:r>
            <a:endParaRPr lang="en-AU"/>
          </a:p>
        </p:txBody>
      </p:sp>
      <p:sp>
        <p:nvSpPr>
          <p:cNvPr id="19" name="Slide Number Placeholder 5">
            <a:extLst>
              <a:ext uri="{FF2B5EF4-FFF2-40B4-BE49-F238E27FC236}">
                <a16:creationId xmlns:a16="http://schemas.microsoft.com/office/drawing/2014/main" id="{5491AB7F-3592-4767-A2FA-AF930D3E5A56}"/>
              </a:ext>
            </a:extLst>
          </p:cNvPr>
          <p:cNvSpPr>
            <a:spLocks noGrp="1"/>
          </p:cNvSpPr>
          <p:nvPr>
            <p:ph type="sldNum" sz="quarter" idx="4"/>
          </p:nvPr>
        </p:nvSpPr>
        <p:spPr>
          <a:xfrm>
            <a:off x="8636042" y="4707994"/>
            <a:ext cx="356188" cy="335646"/>
          </a:xfrm>
          <a:prstGeom prst="rect">
            <a:avLst/>
          </a:prstGeom>
          <a:noFill/>
        </p:spPr>
        <p:txBody>
          <a:bodyPr wrap="none" tIns="90000" bIns="90000" anchor="ctr">
            <a:spAutoFit/>
          </a:bodyPr>
          <a:lstStyle>
            <a:lvl1pPr algn="ctr">
              <a:defRPr sz="1000" b="0">
                <a:solidFill>
                  <a:schemeClr val="tx1">
                    <a:lumMod val="65000"/>
                    <a:lumOff val="35000"/>
                  </a:schemeClr>
                </a:solidFill>
                <a:latin typeface="Arial Black" panose="020B0A04020102020204" pitchFamily="34" charset="0"/>
                <a:cs typeface="Arial" panose="020B0604020202020204" pitchFamily="34" charset="0"/>
              </a:defRPr>
            </a:lvl1pPr>
          </a:lstStyle>
          <a:p>
            <a:fld id="{8A657B52-D046-4802-A3DE-55E7ED70298C}" type="slidenum">
              <a:rPr lang="en-AU" smtClean="0"/>
              <a:pPr/>
              <a:t>‹#›</a:t>
            </a:fld>
            <a:endParaRPr lang="en-AU"/>
          </a:p>
        </p:txBody>
      </p:sp>
      <p:cxnSp>
        <p:nvCxnSpPr>
          <p:cNvPr id="6" name="Straight Connector 5">
            <a:extLst>
              <a:ext uri="{FF2B5EF4-FFF2-40B4-BE49-F238E27FC236}">
                <a16:creationId xmlns:a16="http://schemas.microsoft.com/office/drawing/2014/main" id="{6CA5F861-8310-402B-AA58-B20EE143315A}"/>
              </a:ext>
            </a:extLst>
          </p:cNvPr>
          <p:cNvCxnSpPr>
            <a:cxnSpLocks/>
          </p:cNvCxnSpPr>
          <p:nvPr userDrawn="1"/>
        </p:nvCxnSpPr>
        <p:spPr>
          <a:xfrm>
            <a:off x="8661383" y="5037552"/>
            <a:ext cx="322867" cy="0"/>
          </a:xfrm>
          <a:prstGeom prst="line">
            <a:avLst/>
          </a:prstGeom>
          <a:ln w="34925">
            <a:solidFill>
              <a:schemeClr val="bg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9797841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20" name="Rectangle 19">
            <a:extLst>
              <a:ext uri="{FF2B5EF4-FFF2-40B4-BE49-F238E27FC236}">
                <a16:creationId xmlns:a16="http://schemas.microsoft.com/office/drawing/2014/main" id="{2C1A4A13-5258-4658-B5D5-E41E9D948FF7}"/>
              </a:ext>
            </a:extLst>
          </p:cNvPr>
          <p:cNvSpPr/>
          <p:nvPr userDrawn="1"/>
        </p:nvSpPr>
        <p:spPr>
          <a:xfrm>
            <a:off x="0" y="0"/>
            <a:ext cx="9154473" cy="51435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pic>
        <p:nvPicPr>
          <p:cNvPr id="21" name="Picture 20">
            <a:extLst>
              <a:ext uri="{FF2B5EF4-FFF2-40B4-BE49-F238E27FC236}">
                <a16:creationId xmlns:a16="http://schemas.microsoft.com/office/drawing/2014/main" id="{4A49F834-6209-4012-92E8-AFC89040990F}"/>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1617917" y="1358234"/>
            <a:ext cx="2160334" cy="2160334"/>
          </a:xfrm>
          <a:prstGeom prst="rect">
            <a:avLst/>
          </a:prstGeom>
        </p:spPr>
      </p:pic>
      <p:sp>
        <p:nvSpPr>
          <p:cNvPr id="22" name="Rectangle 21">
            <a:extLst>
              <a:ext uri="{FF2B5EF4-FFF2-40B4-BE49-F238E27FC236}">
                <a16:creationId xmlns:a16="http://schemas.microsoft.com/office/drawing/2014/main" id="{58444A07-04E2-4AB1-8638-35C7CFC4A03B}"/>
              </a:ext>
            </a:extLst>
          </p:cNvPr>
          <p:cNvSpPr/>
          <p:nvPr userDrawn="1"/>
        </p:nvSpPr>
        <p:spPr>
          <a:xfrm>
            <a:off x="5058497" y="1912741"/>
            <a:ext cx="1497183" cy="464331"/>
          </a:xfrm>
          <a:prstGeom prst="rect">
            <a:avLst/>
          </a:prstGeom>
          <a:noFill/>
        </p:spPr>
        <p:txBody>
          <a:bodyPr wrap="none" lIns="180000" tIns="108000" bIns="108000" anchor="ctr" anchorCtr="0">
            <a:spAutoFit/>
          </a:bodyPr>
          <a:lstStyle/>
          <a:p>
            <a:pPr algn="l">
              <a:spcBef>
                <a:spcPts val="1200"/>
              </a:spcBef>
            </a:pPr>
            <a:r>
              <a:rPr lang="en-AU" sz="1600" b="0">
                <a:solidFill>
                  <a:schemeClr val="tx1">
                    <a:lumMod val="75000"/>
                    <a:lumOff val="25000"/>
                  </a:schemeClr>
                </a:solidFill>
                <a:latin typeface="Arial" panose="020B0604020202020204" pitchFamily="34" charset="0"/>
                <a:cs typeface="Arial" panose="020B0604020202020204" pitchFamily="34" charset="0"/>
              </a:rPr>
              <a:t>@ozprodcom</a:t>
            </a:r>
          </a:p>
        </p:txBody>
      </p:sp>
      <p:sp>
        <p:nvSpPr>
          <p:cNvPr id="23" name="Oval 22">
            <a:extLst>
              <a:ext uri="{FF2B5EF4-FFF2-40B4-BE49-F238E27FC236}">
                <a16:creationId xmlns:a16="http://schemas.microsoft.com/office/drawing/2014/main" id="{73D88B49-6C25-4C30-A9B7-D53E2E19EFC3}"/>
              </a:ext>
            </a:extLst>
          </p:cNvPr>
          <p:cNvSpPr/>
          <p:nvPr userDrawn="1"/>
        </p:nvSpPr>
        <p:spPr>
          <a:xfrm>
            <a:off x="4664459" y="1912740"/>
            <a:ext cx="484638" cy="484638"/>
          </a:xfrm>
          <a:prstGeom prst="ellipse">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sp>
        <p:nvSpPr>
          <p:cNvPr id="24" name="Rectangle 23">
            <a:extLst>
              <a:ext uri="{FF2B5EF4-FFF2-40B4-BE49-F238E27FC236}">
                <a16:creationId xmlns:a16="http://schemas.microsoft.com/office/drawing/2014/main" id="{7F41BCC5-48CF-4216-BE7A-5CF1A55BB59F}"/>
              </a:ext>
            </a:extLst>
          </p:cNvPr>
          <p:cNvSpPr/>
          <p:nvPr userDrawn="1"/>
        </p:nvSpPr>
        <p:spPr>
          <a:xfrm>
            <a:off x="5058498" y="2559932"/>
            <a:ext cx="2601651" cy="464331"/>
          </a:xfrm>
          <a:prstGeom prst="rect">
            <a:avLst/>
          </a:prstGeom>
          <a:noFill/>
        </p:spPr>
        <p:txBody>
          <a:bodyPr wrap="none" lIns="180000" tIns="108000" bIns="108000" anchor="ctr" anchorCtr="0">
            <a:spAutoFit/>
          </a:bodyPr>
          <a:lstStyle/>
          <a:p>
            <a:pPr algn="l">
              <a:spcBef>
                <a:spcPts val="1200"/>
              </a:spcBef>
            </a:pPr>
            <a:r>
              <a:rPr lang="en-AU" sz="1600" b="0">
                <a:solidFill>
                  <a:schemeClr val="tx1">
                    <a:lumMod val="75000"/>
                    <a:lumOff val="25000"/>
                  </a:schemeClr>
                </a:solidFill>
                <a:latin typeface="Arial" panose="020B0604020202020204" pitchFamily="34" charset="0"/>
                <a:cs typeface="Arial" panose="020B0604020202020204" pitchFamily="34" charset="0"/>
              </a:rPr>
              <a:t>@productivitycommission</a:t>
            </a:r>
          </a:p>
        </p:txBody>
      </p:sp>
      <p:sp>
        <p:nvSpPr>
          <p:cNvPr id="25" name="Oval 24">
            <a:extLst>
              <a:ext uri="{FF2B5EF4-FFF2-40B4-BE49-F238E27FC236}">
                <a16:creationId xmlns:a16="http://schemas.microsoft.com/office/drawing/2014/main" id="{C945F7E6-97DF-478E-A9F9-62EDAF2EFB87}"/>
              </a:ext>
            </a:extLst>
          </p:cNvPr>
          <p:cNvSpPr/>
          <p:nvPr userDrawn="1"/>
        </p:nvSpPr>
        <p:spPr>
          <a:xfrm>
            <a:off x="4664459" y="2559932"/>
            <a:ext cx="484638" cy="484638"/>
          </a:xfrm>
          <a:prstGeom prst="ellipse">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pic>
        <p:nvPicPr>
          <p:cNvPr id="26" name="Picture 25">
            <a:extLst>
              <a:ext uri="{FF2B5EF4-FFF2-40B4-BE49-F238E27FC236}">
                <a16:creationId xmlns:a16="http://schemas.microsoft.com/office/drawing/2014/main" id="{B5D315C9-84C6-4D7B-947A-AF035250B1AE}"/>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699485" y="1952481"/>
            <a:ext cx="414586" cy="414586"/>
          </a:xfrm>
          <a:prstGeom prst="rect">
            <a:avLst/>
          </a:prstGeom>
        </p:spPr>
      </p:pic>
      <p:pic>
        <p:nvPicPr>
          <p:cNvPr id="27" name="Picture 26">
            <a:extLst>
              <a:ext uri="{FF2B5EF4-FFF2-40B4-BE49-F238E27FC236}">
                <a16:creationId xmlns:a16="http://schemas.microsoft.com/office/drawing/2014/main" id="{D878E2B0-0587-4B41-8FD4-BB4FF7089366}"/>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4585242" y="2485751"/>
            <a:ext cx="636881" cy="636881"/>
          </a:xfrm>
          <a:prstGeom prst="rect">
            <a:avLst/>
          </a:prstGeom>
        </p:spPr>
      </p:pic>
      <p:sp>
        <p:nvSpPr>
          <p:cNvPr id="28" name="Oval 27">
            <a:extLst>
              <a:ext uri="{FF2B5EF4-FFF2-40B4-BE49-F238E27FC236}">
                <a16:creationId xmlns:a16="http://schemas.microsoft.com/office/drawing/2014/main" id="{B4EC038A-F5C3-410B-A5F0-835D0A6A3FBC}"/>
              </a:ext>
            </a:extLst>
          </p:cNvPr>
          <p:cNvSpPr/>
          <p:nvPr userDrawn="1"/>
        </p:nvSpPr>
        <p:spPr>
          <a:xfrm>
            <a:off x="4664459" y="1273403"/>
            <a:ext cx="484638" cy="484638"/>
          </a:xfrm>
          <a:prstGeom prst="ellipse">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grpSp>
        <p:nvGrpSpPr>
          <p:cNvPr id="29" name="Group 4">
            <a:extLst>
              <a:ext uri="{FF2B5EF4-FFF2-40B4-BE49-F238E27FC236}">
                <a16:creationId xmlns:a16="http://schemas.microsoft.com/office/drawing/2014/main" id="{AEA9A6D6-94FF-4DC2-8CE9-FAD413600932}"/>
              </a:ext>
            </a:extLst>
          </p:cNvPr>
          <p:cNvGrpSpPr>
            <a:grpSpLocks noChangeAspect="1"/>
          </p:cNvGrpSpPr>
          <p:nvPr userDrawn="1"/>
        </p:nvGrpSpPr>
        <p:grpSpPr bwMode="auto">
          <a:xfrm>
            <a:off x="4755139" y="1411665"/>
            <a:ext cx="295267" cy="186831"/>
            <a:chOff x="1042" y="457"/>
            <a:chExt cx="3676" cy="2326"/>
          </a:xfrm>
        </p:grpSpPr>
        <p:sp>
          <p:nvSpPr>
            <p:cNvPr id="30" name="AutoShape 3">
              <a:extLst>
                <a:ext uri="{FF2B5EF4-FFF2-40B4-BE49-F238E27FC236}">
                  <a16:creationId xmlns:a16="http://schemas.microsoft.com/office/drawing/2014/main" id="{42ADEE55-D8F8-45A9-B580-B493FE6D575B}"/>
                </a:ext>
              </a:extLst>
            </p:cNvPr>
            <p:cNvSpPr>
              <a:spLocks noChangeAspect="1" noChangeArrowheads="1" noTextEdit="1"/>
            </p:cNvSpPr>
            <p:nvPr userDrawn="1"/>
          </p:nvSpPr>
          <p:spPr bwMode="auto">
            <a:xfrm>
              <a:off x="1042" y="457"/>
              <a:ext cx="3676" cy="23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31" name="Freeform 5">
              <a:extLst>
                <a:ext uri="{FF2B5EF4-FFF2-40B4-BE49-F238E27FC236}">
                  <a16:creationId xmlns:a16="http://schemas.microsoft.com/office/drawing/2014/main" id="{6D670895-B698-441F-B1A2-5FFD7926398F}"/>
                </a:ext>
              </a:extLst>
            </p:cNvPr>
            <p:cNvSpPr>
              <a:spLocks/>
            </p:cNvSpPr>
            <p:nvPr userDrawn="1"/>
          </p:nvSpPr>
          <p:spPr bwMode="auto">
            <a:xfrm>
              <a:off x="1249" y="1798"/>
              <a:ext cx="3227" cy="985"/>
            </a:xfrm>
            <a:custGeom>
              <a:avLst/>
              <a:gdLst>
                <a:gd name="T0" fmla="*/ 3227 w 3227"/>
                <a:gd name="T1" fmla="*/ 985 h 985"/>
                <a:gd name="T2" fmla="*/ 2058 w 3227"/>
                <a:gd name="T3" fmla="*/ 0 h 985"/>
                <a:gd name="T4" fmla="*/ 1617 w 3227"/>
                <a:gd name="T5" fmla="*/ 386 h 985"/>
                <a:gd name="T6" fmla="*/ 1204 w 3227"/>
                <a:gd name="T7" fmla="*/ 0 h 985"/>
                <a:gd name="T8" fmla="*/ 0 w 3227"/>
                <a:gd name="T9" fmla="*/ 985 h 985"/>
                <a:gd name="T10" fmla="*/ 3227 w 3227"/>
                <a:gd name="T11" fmla="*/ 985 h 985"/>
              </a:gdLst>
              <a:ahLst/>
              <a:cxnLst>
                <a:cxn ang="0">
                  <a:pos x="T0" y="T1"/>
                </a:cxn>
                <a:cxn ang="0">
                  <a:pos x="T2" y="T3"/>
                </a:cxn>
                <a:cxn ang="0">
                  <a:pos x="T4" y="T5"/>
                </a:cxn>
                <a:cxn ang="0">
                  <a:pos x="T6" y="T7"/>
                </a:cxn>
                <a:cxn ang="0">
                  <a:pos x="T8" y="T9"/>
                </a:cxn>
                <a:cxn ang="0">
                  <a:pos x="T10" y="T11"/>
                </a:cxn>
              </a:cxnLst>
              <a:rect l="0" t="0" r="r" b="b"/>
              <a:pathLst>
                <a:path w="3227" h="985">
                  <a:moveTo>
                    <a:pt x="3227" y="985"/>
                  </a:moveTo>
                  <a:lnTo>
                    <a:pt x="2058" y="0"/>
                  </a:lnTo>
                  <a:lnTo>
                    <a:pt x="1617" y="386"/>
                  </a:lnTo>
                  <a:lnTo>
                    <a:pt x="1204" y="0"/>
                  </a:lnTo>
                  <a:lnTo>
                    <a:pt x="0" y="985"/>
                  </a:lnTo>
                  <a:lnTo>
                    <a:pt x="3227" y="985"/>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32" name="Freeform 6">
              <a:extLst>
                <a:ext uri="{FF2B5EF4-FFF2-40B4-BE49-F238E27FC236}">
                  <a16:creationId xmlns:a16="http://schemas.microsoft.com/office/drawing/2014/main" id="{0E742BB6-83A6-450E-A5E7-9934FD6502F9}"/>
                </a:ext>
              </a:extLst>
            </p:cNvPr>
            <p:cNvSpPr>
              <a:spLocks/>
            </p:cNvSpPr>
            <p:nvPr userDrawn="1"/>
          </p:nvSpPr>
          <p:spPr bwMode="auto">
            <a:xfrm>
              <a:off x="3514" y="585"/>
              <a:ext cx="1204" cy="2141"/>
            </a:xfrm>
            <a:custGeom>
              <a:avLst/>
              <a:gdLst>
                <a:gd name="T0" fmla="*/ 1204 w 1204"/>
                <a:gd name="T1" fmla="*/ 0 h 2141"/>
                <a:gd name="T2" fmla="*/ 0 w 1204"/>
                <a:gd name="T3" fmla="*/ 999 h 2141"/>
                <a:gd name="T4" fmla="*/ 1204 w 1204"/>
                <a:gd name="T5" fmla="*/ 2141 h 2141"/>
                <a:gd name="T6" fmla="*/ 1204 w 1204"/>
                <a:gd name="T7" fmla="*/ 0 h 2141"/>
              </a:gdLst>
              <a:ahLst/>
              <a:cxnLst>
                <a:cxn ang="0">
                  <a:pos x="T0" y="T1"/>
                </a:cxn>
                <a:cxn ang="0">
                  <a:pos x="T2" y="T3"/>
                </a:cxn>
                <a:cxn ang="0">
                  <a:pos x="T4" y="T5"/>
                </a:cxn>
                <a:cxn ang="0">
                  <a:pos x="T6" y="T7"/>
                </a:cxn>
              </a:cxnLst>
              <a:rect l="0" t="0" r="r" b="b"/>
              <a:pathLst>
                <a:path w="1204" h="2141">
                  <a:moveTo>
                    <a:pt x="1204" y="0"/>
                  </a:moveTo>
                  <a:lnTo>
                    <a:pt x="0" y="999"/>
                  </a:lnTo>
                  <a:lnTo>
                    <a:pt x="1204" y="2141"/>
                  </a:lnTo>
                  <a:lnTo>
                    <a:pt x="1204" y="0"/>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33" name="Freeform 7">
              <a:extLst>
                <a:ext uri="{FF2B5EF4-FFF2-40B4-BE49-F238E27FC236}">
                  <a16:creationId xmlns:a16="http://schemas.microsoft.com/office/drawing/2014/main" id="{E2758BA7-C969-453A-98D0-AAF11D21E6CF}"/>
                </a:ext>
              </a:extLst>
            </p:cNvPr>
            <p:cNvSpPr>
              <a:spLocks/>
            </p:cNvSpPr>
            <p:nvPr userDrawn="1"/>
          </p:nvSpPr>
          <p:spPr bwMode="auto">
            <a:xfrm>
              <a:off x="1277" y="457"/>
              <a:ext cx="3056" cy="1341"/>
            </a:xfrm>
            <a:custGeom>
              <a:avLst/>
              <a:gdLst>
                <a:gd name="T0" fmla="*/ 0 w 3056"/>
                <a:gd name="T1" fmla="*/ 0 h 1341"/>
                <a:gd name="T2" fmla="*/ 1589 w 3056"/>
                <a:gd name="T3" fmla="*/ 1341 h 1341"/>
                <a:gd name="T4" fmla="*/ 3056 w 3056"/>
                <a:gd name="T5" fmla="*/ 0 h 1341"/>
                <a:gd name="T6" fmla="*/ 0 w 3056"/>
                <a:gd name="T7" fmla="*/ 0 h 1341"/>
              </a:gdLst>
              <a:ahLst/>
              <a:cxnLst>
                <a:cxn ang="0">
                  <a:pos x="T0" y="T1"/>
                </a:cxn>
                <a:cxn ang="0">
                  <a:pos x="T2" y="T3"/>
                </a:cxn>
                <a:cxn ang="0">
                  <a:pos x="T4" y="T5"/>
                </a:cxn>
                <a:cxn ang="0">
                  <a:pos x="T6" y="T7"/>
                </a:cxn>
              </a:cxnLst>
              <a:rect l="0" t="0" r="r" b="b"/>
              <a:pathLst>
                <a:path w="3056" h="1341">
                  <a:moveTo>
                    <a:pt x="0" y="0"/>
                  </a:moveTo>
                  <a:lnTo>
                    <a:pt x="1589" y="1341"/>
                  </a:lnTo>
                  <a:lnTo>
                    <a:pt x="3056" y="0"/>
                  </a:lnTo>
                  <a:lnTo>
                    <a:pt x="0" y="0"/>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34" name="Freeform 8">
              <a:extLst>
                <a:ext uri="{FF2B5EF4-FFF2-40B4-BE49-F238E27FC236}">
                  <a16:creationId xmlns:a16="http://schemas.microsoft.com/office/drawing/2014/main" id="{8458A8C8-DE8E-465D-A795-CF2F35CA0809}"/>
                </a:ext>
              </a:extLst>
            </p:cNvPr>
            <p:cNvSpPr>
              <a:spLocks/>
            </p:cNvSpPr>
            <p:nvPr userDrawn="1"/>
          </p:nvSpPr>
          <p:spPr bwMode="auto">
            <a:xfrm>
              <a:off x="1042" y="585"/>
              <a:ext cx="1168" cy="2013"/>
            </a:xfrm>
            <a:custGeom>
              <a:avLst/>
              <a:gdLst>
                <a:gd name="T0" fmla="*/ 0 w 1168"/>
                <a:gd name="T1" fmla="*/ 0 h 2013"/>
                <a:gd name="T2" fmla="*/ 0 w 1168"/>
                <a:gd name="T3" fmla="*/ 2013 h 2013"/>
                <a:gd name="T4" fmla="*/ 1168 w 1168"/>
                <a:gd name="T5" fmla="*/ 1007 h 2013"/>
                <a:gd name="T6" fmla="*/ 0 w 1168"/>
                <a:gd name="T7" fmla="*/ 0 h 2013"/>
              </a:gdLst>
              <a:ahLst/>
              <a:cxnLst>
                <a:cxn ang="0">
                  <a:pos x="T0" y="T1"/>
                </a:cxn>
                <a:cxn ang="0">
                  <a:pos x="T2" y="T3"/>
                </a:cxn>
                <a:cxn ang="0">
                  <a:pos x="T4" y="T5"/>
                </a:cxn>
                <a:cxn ang="0">
                  <a:pos x="T6" y="T7"/>
                </a:cxn>
              </a:cxnLst>
              <a:rect l="0" t="0" r="r" b="b"/>
              <a:pathLst>
                <a:path w="1168" h="2013">
                  <a:moveTo>
                    <a:pt x="0" y="0"/>
                  </a:moveTo>
                  <a:lnTo>
                    <a:pt x="0" y="2013"/>
                  </a:lnTo>
                  <a:lnTo>
                    <a:pt x="1168" y="1007"/>
                  </a:lnTo>
                  <a:lnTo>
                    <a:pt x="0" y="0"/>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grpSp>
      <p:sp>
        <p:nvSpPr>
          <p:cNvPr id="35" name="Oval 34">
            <a:extLst>
              <a:ext uri="{FF2B5EF4-FFF2-40B4-BE49-F238E27FC236}">
                <a16:creationId xmlns:a16="http://schemas.microsoft.com/office/drawing/2014/main" id="{E2E95B11-C63E-4CA0-8E97-FD397979952C}"/>
              </a:ext>
            </a:extLst>
          </p:cNvPr>
          <p:cNvSpPr/>
          <p:nvPr userDrawn="1"/>
        </p:nvSpPr>
        <p:spPr>
          <a:xfrm>
            <a:off x="4664459" y="3209583"/>
            <a:ext cx="484638" cy="484638"/>
          </a:xfrm>
          <a:prstGeom prst="ellipse">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pic>
        <p:nvPicPr>
          <p:cNvPr id="36" name="Graphic 35">
            <a:extLst>
              <a:ext uri="{FF2B5EF4-FFF2-40B4-BE49-F238E27FC236}">
                <a16:creationId xmlns:a16="http://schemas.microsoft.com/office/drawing/2014/main" id="{0A77DF5A-C326-4C1F-8A7E-0C7BEB31009A}"/>
              </a:ext>
            </a:extLst>
          </p:cNvPr>
          <p:cNvPicPr>
            <a:picLocks noChangeAspect="1"/>
          </p:cNvPicPr>
          <p:nvPr userDrawn="1"/>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4794585" y="3321368"/>
            <a:ext cx="236383" cy="235991"/>
          </a:xfrm>
          <a:prstGeom prst="rect">
            <a:avLst/>
          </a:prstGeom>
        </p:spPr>
      </p:pic>
      <p:sp>
        <p:nvSpPr>
          <p:cNvPr id="37" name="Rectangle 36">
            <a:extLst>
              <a:ext uri="{FF2B5EF4-FFF2-40B4-BE49-F238E27FC236}">
                <a16:creationId xmlns:a16="http://schemas.microsoft.com/office/drawing/2014/main" id="{1A8B6873-2D8F-415D-BF78-3277770C2870}"/>
              </a:ext>
            </a:extLst>
          </p:cNvPr>
          <p:cNvSpPr/>
          <p:nvPr userDrawn="1"/>
        </p:nvSpPr>
        <p:spPr>
          <a:xfrm>
            <a:off x="5058498" y="3219736"/>
            <a:ext cx="2670581" cy="464331"/>
          </a:xfrm>
          <a:prstGeom prst="rect">
            <a:avLst/>
          </a:prstGeom>
          <a:noFill/>
        </p:spPr>
        <p:txBody>
          <a:bodyPr wrap="none" lIns="180000" tIns="108000" bIns="108000" anchor="ctr" anchorCtr="0">
            <a:spAutoFit/>
          </a:bodyPr>
          <a:lstStyle/>
          <a:p>
            <a:pPr algn="l">
              <a:spcBef>
                <a:spcPts val="1200"/>
              </a:spcBef>
            </a:pPr>
            <a:r>
              <a:rPr lang="en-AU" sz="1600" b="0">
                <a:solidFill>
                  <a:schemeClr val="tx1">
                    <a:lumMod val="75000"/>
                    <a:lumOff val="25000"/>
                  </a:schemeClr>
                </a:solidFill>
                <a:latin typeface="Arial" panose="020B0604020202020204" pitchFamily="34" charset="0"/>
                <a:cs typeface="Arial" panose="020B0604020202020204" pitchFamily="34" charset="0"/>
              </a:rPr>
              <a:t>@productivity-commission</a:t>
            </a:r>
          </a:p>
        </p:txBody>
      </p:sp>
    </p:spTree>
    <p:extLst>
      <p:ext uri="{BB962C8B-B14F-4D97-AF65-F5344CB8AC3E}">
        <p14:creationId xmlns:p14="http://schemas.microsoft.com/office/powerpoint/2010/main" val="279038542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41F7C678-7A55-402C-9751-7018620464F2}"/>
              </a:ext>
            </a:extLst>
          </p:cNvPr>
          <p:cNvSpPr/>
          <p:nvPr userDrawn="1"/>
        </p:nvSpPr>
        <p:spPr>
          <a:xfrm>
            <a:off x="0" y="712652"/>
            <a:ext cx="9144000" cy="388438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2" name="Title 1"/>
          <p:cNvSpPr>
            <a:spLocks noGrp="1"/>
          </p:cNvSpPr>
          <p:nvPr>
            <p:ph type="title"/>
          </p:nvPr>
        </p:nvSpPr>
        <p:spPr>
          <a:xfrm>
            <a:off x="189576" y="194370"/>
            <a:ext cx="5200013" cy="461665"/>
          </a:xfrm>
          <a:prstGeom prst="rect">
            <a:avLst/>
          </a:prstGeom>
        </p:spPr>
        <p:txBody>
          <a:bodyPr wrap="none" anchor="t" anchorCtr="0">
            <a:spAutoFit/>
          </a:bodyPr>
          <a:lstStyle>
            <a:lvl1pPr algn="l">
              <a:defRPr sz="2400" b="1">
                <a:solidFill>
                  <a:schemeClr val="tx1">
                    <a:lumMod val="75000"/>
                    <a:lumOff val="25000"/>
                  </a:schemeClr>
                </a:solidFill>
                <a:latin typeface="Arial Black" panose="020B0A04020102020204" pitchFamily="34" charset="0"/>
              </a:defRPr>
            </a:lvl1pPr>
          </a:lstStyle>
          <a:p>
            <a:r>
              <a:rPr lang="en-US"/>
              <a:t>Click to edit Master title style</a:t>
            </a:r>
            <a:endParaRPr lang="en-AU"/>
          </a:p>
        </p:txBody>
      </p:sp>
      <p:sp>
        <p:nvSpPr>
          <p:cNvPr id="13" name="Text Placeholder 256">
            <a:extLst>
              <a:ext uri="{FF2B5EF4-FFF2-40B4-BE49-F238E27FC236}">
                <a16:creationId xmlns:a16="http://schemas.microsoft.com/office/drawing/2014/main" id="{31E6C9C9-436A-4C26-935C-4D2B94684365}"/>
              </a:ext>
            </a:extLst>
          </p:cNvPr>
          <p:cNvSpPr>
            <a:spLocks noGrp="1"/>
          </p:cNvSpPr>
          <p:nvPr>
            <p:ph type="body" sz="quarter" idx="14" hasCustomPrompt="1"/>
          </p:nvPr>
        </p:nvSpPr>
        <p:spPr>
          <a:xfrm>
            <a:off x="7476169" y="4707996"/>
            <a:ext cx="1167087" cy="335646"/>
          </a:xfrm>
          <a:prstGeom prst="rect">
            <a:avLst/>
          </a:prstGeom>
          <a:noFill/>
          <a:ln>
            <a:noFill/>
          </a:ln>
        </p:spPr>
        <p:txBody>
          <a:bodyPr wrap="none" lIns="144000" tIns="90000" rIns="72000" bIns="90000" anchor="ctr">
            <a:spAutoFit/>
          </a:bodyPr>
          <a:lstStyle>
            <a:lvl1pPr marL="0" indent="0" algn="r">
              <a:buNone/>
              <a:defRPr sz="1000" b="0">
                <a:solidFill>
                  <a:schemeClr val="tx1">
                    <a:lumMod val="75000"/>
                    <a:lumOff val="25000"/>
                  </a:schemeClr>
                </a:solidFill>
              </a:defRPr>
            </a:lvl1pPr>
          </a:lstStyle>
          <a:p>
            <a:pPr lvl="0"/>
            <a:r>
              <a:rPr lang="en-US"/>
              <a:t>Presentation title</a:t>
            </a:r>
            <a:endParaRPr lang="en-AU"/>
          </a:p>
        </p:txBody>
      </p:sp>
      <p:sp>
        <p:nvSpPr>
          <p:cNvPr id="14" name="Slide Number Placeholder 5">
            <a:extLst>
              <a:ext uri="{FF2B5EF4-FFF2-40B4-BE49-F238E27FC236}">
                <a16:creationId xmlns:a16="http://schemas.microsoft.com/office/drawing/2014/main" id="{BAC9979A-C088-4E3B-953F-008670A23815}"/>
              </a:ext>
            </a:extLst>
          </p:cNvPr>
          <p:cNvSpPr>
            <a:spLocks noGrp="1"/>
          </p:cNvSpPr>
          <p:nvPr>
            <p:ph type="sldNum" sz="quarter" idx="4"/>
          </p:nvPr>
        </p:nvSpPr>
        <p:spPr>
          <a:xfrm>
            <a:off x="8643256" y="4707994"/>
            <a:ext cx="341760" cy="335646"/>
          </a:xfrm>
          <a:prstGeom prst="rect">
            <a:avLst/>
          </a:prstGeom>
          <a:noFill/>
        </p:spPr>
        <p:txBody>
          <a:bodyPr wrap="none" tIns="90000" bIns="90000" anchor="ctr">
            <a:spAutoFit/>
          </a:bodyPr>
          <a:lstStyle>
            <a:lvl1pPr algn="ctr">
              <a:defRPr sz="1000" b="0">
                <a:solidFill>
                  <a:schemeClr val="tx1"/>
                </a:solidFill>
                <a:latin typeface="Arial" panose="020B0604020202020204" pitchFamily="34" charset="0"/>
                <a:cs typeface="Arial" panose="020B0604020202020204" pitchFamily="34" charset="0"/>
              </a:defRPr>
            </a:lvl1pPr>
          </a:lstStyle>
          <a:p>
            <a:fld id="{8A657B52-D046-4802-A3DE-55E7ED70298C}" type="slidenum">
              <a:rPr lang="en-AU" smtClean="0"/>
              <a:pPr/>
              <a:t>‹#›</a:t>
            </a:fld>
            <a:endParaRPr lang="en-AU"/>
          </a:p>
        </p:txBody>
      </p:sp>
      <p:cxnSp>
        <p:nvCxnSpPr>
          <p:cNvPr id="15" name="Straight Connector 14">
            <a:extLst>
              <a:ext uri="{FF2B5EF4-FFF2-40B4-BE49-F238E27FC236}">
                <a16:creationId xmlns:a16="http://schemas.microsoft.com/office/drawing/2014/main" id="{FDCF8400-D6AA-4A4C-8380-F6C2C1FD4AC1}"/>
              </a:ext>
            </a:extLst>
          </p:cNvPr>
          <p:cNvCxnSpPr>
            <a:cxnSpLocks/>
          </p:cNvCxnSpPr>
          <p:nvPr userDrawn="1"/>
        </p:nvCxnSpPr>
        <p:spPr>
          <a:xfrm>
            <a:off x="8661382" y="5037552"/>
            <a:ext cx="322867" cy="0"/>
          </a:xfrm>
          <a:prstGeom prst="line">
            <a:avLst/>
          </a:prstGeom>
          <a:ln w="34925">
            <a:solidFill>
              <a:schemeClr val="bg2"/>
            </a:solidFill>
          </a:ln>
        </p:spPr>
        <p:style>
          <a:lnRef idx="1">
            <a:schemeClr val="accent1"/>
          </a:lnRef>
          <a:fillRef idx="0">
            <a:schemeClr val="accent1"/>
          </a:fillRef>
          <a:effectRef idx="0">
            <a:schemeClr val="accent1"/>
          </a:effectRef>
          <a:fontRef idx="minor">
            <a:schemeClr val="tx1"/>
          </a:fontRef>
        </p:style>
      </p:cxnSp>
      <p:sp>
        <p:nvSpPr>
          <p:cNvPr id="4" name="TextBox 3">
            <a:extLst>
              <a:ext uri="{FF2B5EF4-FFF2-40B4-BE49-F238E27FC236}">
                <a16:creationId xmlns:a16="http://schemas.microsoft.com/office/drawing/2014/main" id="{89578CEE-C327-4F20-A6C1-18CCDEFBC519}"/>
              </a:ext>
            </a:extLst>
          </p:cNvPr>
          <p:cNvSpPr txBox="1"/>
          <p:nvPr userDrawn="1"/>
        </p:nvSpPr>
        <p:spPr>
          <a:xfrm>
            <a:off x="449943" y="1001486"/>
            <a:ext cx="8193313" cy="3381828"/>
          </a:xfrm>
          <a:prstGeom prst="rect">
            <a:avLst/>
          </a:prstGeom>
          <a:noFill/>
        </p:spPr>
        <p:txBody>
          <a:bodyPr wrap="square" rtlCol="0">
            <a:noAutofit/>
          </a:bodyPr>
          <a:lstStyle/>
          <a:p>
            <a:endParaRPr lang="en-AU">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641297947"/>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5" Type="http://schemas.openxmlformats.org/officeDocument/2006/relationships/slideLayout" Target="../slideLayouts/slideLayout5.xml"/><Relationship Id="rId4" Type="http://schemas.openxmlformats.org/officeDocument/2006/relationships/slideLayout" Target="../slideLayouts/slideLayout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C86AD763-6308-48C5-A44A-17990D53A111}"/>
              </a:ext>
            </a:extLst>
          </p:cNvPr>
          <p:cNvSpPr>
            <a:spLocks noGrp="1"/>
          </p:cNvSpPr>
          <p:nvPr>
            <p:ph type="title"/>
          </p:nvPr>
        </p:nvSpPr>
        <p:spPr>
          <a:xfrm>
            <a:off x="238125" y="205979"/>
            <a:ext cx="8448675" cy="546496"/>
          </a:xfrm>
          <a:prstGeom prst="rect">
            <a:avLst/>
          </a:prstGeom>
        </p:spPr>
        <p:txBody>
          <a:bodyPr vert="horz" lIns="91440" tIns="45720" rIns="91440" bIns="45720" rtlCol="0" anchor="ctr">
            <a:normAutofit/>
          </a:bodyPr>
          <a:lstStyle/>
          <a:p>
            <a:r>
              <a:rPr lang="en-US"/>
              <a:t>Click to edit Master title style</a:t>
            </a:r>
            <a:endParaRPr lang="en-AU"/>
          </a:p>
        </p:txBody>
      </p:sp>
      <p:sp>
        <p:nvSpPr>
          <p:cNvPr id="6" name="Text Placeholder 2">
            <a:extLst>
              <a:ext uri="{FF2B5EF4-FFF2-40B4-BE49-F238E27FC236}">
                <a16:creationId xmlns:a16="http://schemas.microsoft.com/office/drawing/2014/main" id="{328A87A6-D1F8-4A87-B220-62F861E7CD9F}"/>
              </a:ext>
            </a:extLst>
          </p:cNvPr>
          <p:cNvSpPr>
            <a:spLocks noGrp="1"/>
          </p:cNvSpPr>
          <p:nvPr>
            <p:ph type="body" idx="1"/>
          </p:nvPr>
        </p:nvSpPr>
        <p:spPr>
          <a:xfrm>
            <a:off x="238125" y="1019176"/>
            <a:ext cx="8448675" cy="3394472"/>
          </a:xfrm>
          <a:prstGeom prst="rect">
            <a:avLst/>
          </a:prstGeom>
        </p:spPr>
        <p:txBody>
          <a:bodyPr vert="horz" lIns="91440" tIns="45720" rIns="91440" bIns="45720" rtlCol="0">
            <a:normAutofit/>
          </a:bodyPr>
          <a:lstStyle/>
          <a:p>
            <a:pPr lvl="0"/>
            <a:endParaRPr lang="en-US"/>
          </a:p>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1247629191"/>
      </p:ext>
    </p:extLst>
  </p:cSld>
  <p:clrMap bg1="lt1" tx1="dk1" bg2="lt2" tx2="dk2" accent1="accent1" accent2="accent2" accent3="accent3" accent4="accent4" accent5="accent5" accent6="accent6" hlink="hlink" folHlink="folHlink"/>
  <p:sldLayoutIdLst>
    <p:sldLayoutId id="2147483657" r:id="rId1"/>
    <p:sldLayoutId id="2147483658" r:id="rId2"/>
    <p:sldLayoutId id="2147483659" r:id="rId3"/>
    <p:sldLayoutId id="2147483660" r:id="rId4"/>
    <p:sldLayoutId id="2147483661" r:id="rId5"/>
    <p:sldLayoutId id="2147483662" r:id="rId6"/>
    <p:sldLayoutId id="2147483663" r:id="rId7"/>
  </p:sldLayoutIdLst>
  <p:hf hdr="0" ftr="0" dt="0"/>
  <p:txStyles>
    <p:titleStyle>
      <a:lvl1pPr algn="l" defTabSz="914378" rtl="0" eaLnBrk="1" latinLnBrk="0" hangingPunct="1">
        <a:spcBef>
          <a:spcPct val="0"/>
        </a:spcBef>
        <a:buNone/>
        <a:defRPr sz="2400" kern="1200">
          <a:solidFill>
            <a:schemeClr val="tx1">
              <a:lumMod val="65000"/>
              <a:lumOff val="35000"/>
            </a:schemeClr>
          </a:solidFill>
          <a:latin typeface="Arial Black" panose="020B0A04020102020204" pitchFamily="34" charset="0"/>
          <a:ea typeface="+mj-ea"/>
          <a:cs typeface="Arial" panose="020B0604020202020204" pitchFamily="34" charset="0"/>
        </a:defRPr>
      </a:lvl1pPr>
    </p:titleStyle>
    <p:bodyStyle>
      <a:lvl1pPr marL="342892" indent="-342892" algn="l" defTabSz="914378" rtl="0" eaLnBrk="1" latinLnBrk="0" hangingPunct="1">
        <a:spcBef>
          <a:spcPct val="20000"/>
        </a:spcBef>
        <a:buFont typeface="Arial" panose="020B0604020202020204" pitchFamily="34" charset="0"/>
        <a:buChar char="•"/>
        <a:defRPr sz="2400" kern="1200">
          <a:solidFill>
            <a:schemeClr val="tx1">
              <a:lumMod val="65000"/>
              <a:lumOff val="35000"/>
            </a:schemeClr>
          </a:solidFill>
          <a:latin typeface="Arial" panose="020B0604020202020204" pitchFamily="34" charset="0"/>
          <a:ea typeface="+mn-ea"/>
          <a:cs typeface="Arial" panose="020B0604020202020204" pitchFamily="34" charset="0"/>
        </a:defRPr>
      </a:lvl1pPr>
      <a:lvl2pPr marL="742931" indent="-285743" algn="l" defTabSz="914378" rtl="0" eaLnBrk="1" latinLnBrk="0" hangingPunct="1">
        <a:spcBef>
          <a:spcPct val="20000"/>
        </a:spcBef>
        <a:buFont typeface="Arial" panose="020B0604020202020204" pitchFamily="34" charset="0"/>
        <a:buChar char="–"/>
        <a:defRPr sz="2000" kern="1200">
          <a:solidFill>
            <a:schemeClr val="tx1">
              <a:lumMod val="65000"/>
              <a:lumOff val="35000"/>
            </a:schemeClr>
          </a:solidFill>
          <a:latin typeface="Arial" panose="020B0604020202020204" pitchFamily="34" charset="0"/>
          <a:ea typeface="+mn-ea"/>
          <a:cs typeface="Arial" panose="020B0604020202020204" pitchFamily="34" charset="0"/>
        </a:defRPr>
      </a:lvl2pPr>
      <a:lvl3pPr marL="1142972" indent="-228594" algn="l" defTabSz="914378" rtl="0" eaLnBrk="1" latinLnBrk="0" hangingPunct="1">
        <a:spcBef>
          <a:spcPct val="20000"/>
        </a:spcBef>
        <a:buFont typeface="Arial" panose="020B0604020202020204" pitchFamily="34" charset="0"/>
        <a:buChar char="•"/>
        <a:defRPr sz="1600" kern="1200">
          <a:solidFill>
            <a:schemeClr val="tx1">
              <a:lumMod val="65000"/>
              <a:lumOff val="35000"/>
            </a:schemeClr>
          </a:solidFill>
          <a:latin typeface="Arial" panose="020B0604020202020204" pitchFamily="34" charset="0"/>
          <a:ea typeface="+mn-ea"/>
          <a:cs typeface="Arial" panose="020B0604020202020204" pitchFamily="34" charset="0"/>
        </a:defRPr>
      </a:lvl3pPr>
      <a:lvl4pPr marL="1600160" indent="-228594" algn="l" defTabSz="914378" rtl="0" eaLnBrk="1" latinLnBrk="0" hangingPunct="1">
        <a:spcBef>
          <a:spcPct val="20000"/>
        </a:spcBef>
        <a:buFont typeface="Arial" panose="020B0604020202020204" pitchFamily="34" charset="0"/>
        <a:buChar char="–"/>
        <a:defRPr sz="1400" kern="1200">
          <a:solidFill>
            <a:schemeClr val="tx1">
              <a:lumMod val="65000"/>
              <a:lumOff val="35000"/>
            </a:schemeClr>
          </a:solidFill>
          <a:latin typeface="Arial" panose="020B0604020202020204" pitchFamily="34" charset="0"/>
          <a:ea typeface="+mn-ea"/>
          <a:cs typeface="Arial" panose="020B0604020202020204" pitchFamily="34" charset="0"/>
        </a:defRPr>
      </a:lvl4pPr>
      <a:lvl5pPr marL="2057348" indent="-228594" algn="l" defTabSz="914378" rtl="0" eaLnBrk="1" latinLnBrk="0" hangingPunct="1">
        <a:spcBef>
          <a:spcPct val="20000"/>
        </a:spcBef>
        <a:buFont typeface="Arial" panose="020B0604020202020204" pitchFamily="34" charset="0"/>
        <a:buChar char="»"/>
        <a:defRPr sz="1800" kern="1200">
          <a:solidFill>
            <a:schemeClr val="tx1">
              <a:lumMod val="65000"/>
              <a:lumOff val="35000"/>
            </a:schemeClr>
          </a:solidFill>
          <a:latin typeface="Arial" panose="020B0604020202020204" pitchFamily="34" charset="0"/>
          <a:ea typeface="+mn-ea"/>
          <a:cs typeface="Arial" panose="020B0604020202020204" pitchFamily="34" charset="0"/>
        </a:defRPr>
      </a:lvl5pPr>
      <a:lvl6pPr marL="2514537"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1726"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8915"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6103"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p:bodyStyle>
    <p:otherStyle>
      <a:defPPr>
        <a:defRPr lang="en-US"/>
      </a:defPPr>
      <a:lvl1pPr marL="0" algn="l" defTabSz="914378" rtl="0" eaLnBrk="1" latinLnBrk="0" hangingPunct="1">
        <a:defRPr sz="1800" kern="1200">
          <a:solidFill>
            <a:schemeClr val="tx1"/>
          </a:solidFill>
          <a:latin typeface="+mn-lt"/>
          <a:ea typeface="+mn-ea"/>
          <a:cs typeface="+mn-cs"/>
        </a:defRPr>
      </a:lvl1pPr>
      <a:lvl2pPr marL="457189" algn="l" defTabSz="914378" rtl="0" eaLnBrk="1" latinLnBrk="0" hangingPunct="1">
        <a:defRPr sz="1800" kern="1200">
          <a:solidFill>
            <a:schemeClr val="tx1"/>
          </a:solidFill>
          <a:latin typeface="+mn-lt"/>
          <a:ea typeface="+mn-ea"/>
          <a:cs typeface="+mn-cs"/>
        </a:defRPr>
      </a:lvl2pPr>
      <a:lvl3pPr marL="914378" algn="l" defTabSz="914378" rtl="0" eaLnBrk="1" latinLnBrk="0" hangingPunct="1">
        <a:defRPr sz="1800" kern="1200">
          <a:solidFill>
            <a:schemeClr val="tx1"/>
          </a:solidFill>
          <a:latin typeface="+mn-lt"/>
          <a:ea typeface="+mn-ea"/>
          <a:cs typeface="+mn-cs"/>
        </a:defRPr>
      </a:lvl3pPr>
      <a:lvl4pPr marL="1371566" algn="l" defTabSz="914378" rtl="0" eaLnBrk="1" latinLnBrk="0" hangingPunct="1">
        <a:defRPr sz="1800" kern="1200">
          <a:solidFill>
            <a:schemeClr val="tx1"/>
          </a:solidFill>
          <a:latin typeface="+mn-lt"/>
          <a:ea typeface="+mn-ea"/>
          <a:cs typeface="+mn-cs"/>
        </a:defRPr>
      </a:lvl4pPr>
      <a:lvl5pPr marL="1828754" algn="l" defTabSz="914378" rtl="0" eaLnBrk="1" latinLnBrk="0" hangingPunct="1">
        <a:defRPr sz="1800" kern="1200">
          <a:solidFill>
            <a:schemeClr val="tx1"/>
          </a:solidFill>
          <a:latin typeface="+mn-lt"/>
          <a:ea typeface="+mn-ea"/>
          <a:cs typeface="+mn-cs"/>
        </a:defRPr>
      </a:lvl5pPr>
      <a:lvl6pPr marL="2285943" algn="l" defTabSz="914378" rtl="0" eaLnBrk="1" latinLnBrk="0" hangingPunct="1">
        <a:defRPr sz="1800" kern="1200">
          <a:solidFill>
            <a:schemeClr val="tx1"/>
          </a:solidFill>
          <a:latin typeface="+mn-lt"/>
          <a:ea typeface="+mn-ea"/>
          <a:cs typeface="+mn-cs"/>
        </a:defRPr>
      </a:lvl6pPr>
      <a:lvl7pPr marL="2743132" algn="l" defTabSz="914378" rtl="0" eaLnBrk="1" latinLnBrk="0" hangingPunct="1">
        <a:defRPr sz="1800" kern="1200">
          <a:solidFill>
            <a:schemeClr val="tx1"/>
          </a:solidFill>
          <a:latin typeface="+mn-lt"/>
          <a:ea typeface="+mn-ea"/>
          <a:cs typeface="+mn-cs"/>
        </a:defRPr>
      </a:lvl7pPr>
      <a:lvl8pPr marL="3200320" algn="l" defTabSz="914378" rtl="0" eaLnBrk="1" latinLnBrk="0" hangingPunct="1">
        <a:defRPr sz="1800" kern="1200">
          <a:solidFill>
            <a:schemeClr val="tx1"/>
          </a:solidFill>
          <a:latin typeface="+mn-lt"/>
          <a:ea typeface="+mn-ea"/>
          <a:cs typeface="+mn-cs"/>
        </a:defRPr>
      </a:lvl8pPr>
      <a:lvl9pPr marL="3657509" algn="l" defTabSz="914378"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image" Target="../media/image8.bin"/><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7.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7.xml"/></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7.xml"/><Relationship Id="rId1" Type="http://schemas.openxmlformats.org/officeDocument/2006/relationships/tags" Target="../tags/tag4.xml"/><Relationship Id="rId4" Type="http://schemas.openxmlformats.org/officeDocument/2006/relationships/image" Target="../media/image16.jpeg"/></Relationships>
</file>

<file path=ppt/slides/_rels/slide13.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6.xml"/><Relationship Id="rId1" Type="http://schemas.openxmlformats.org/officeDocument/2006/relationships/tags" Target="../tags/tag5.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5.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4.xml"/><Relationship Id="rId1" Type="http://schemas.openxmlformats.org/officeDocument/2006/relationships/tags" Target="../tags/tag1.xml"/><Relationship Id="rId4" Type="http://schemas.openxmlformats.org/officeDocument/2006/relationships/image" Target="../media/image9.jpe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emf"/><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slideLayout" Target="../slideLayouts/slideLayout3.xml"/><Relationship Id="rId1" Type="http://schemas.openxmlformats.org/officeDocument/2006/relationships/tags" Target="../tags/tag2.xml"/><Relationship Id="rId4" Type="http://schemas.openxmlformats.org/officeDocument/2006/relationships/image" Target="../media/image13.emf"/></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3.xml"/><Relationship Id="rId1" Type="http://schemas.openxmlformats.org/officeDocument/2006/relationships/tags" Target="../tags/tag3.xml"/><Relationship Id="rId5" Type="http://schemas.openxmlformats.org/officeDocument/2006/relationships/image" Target="../media/image15.jpeg"/><Relationship Id="rId4" Type="http://schemas.openxmlformats.org/officeDocument/2006/relationships/image" Target="../media/image14.emf"/></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a:xfrm>
            <a:off x="596404" y="1523856"/>
            <a:ext cx="8306296" cy="1077218"/>
          </a:xfrm>
        </p:spPr>
        <p:txBody>
          <a:bodyPr/>
          <a:lstStyle/>
          <a:p>
            <a:r>
              <a:rPr lang="en-US" sz="2400" b="0" dirty="0">
                <a:latin typeface="Arial" panose="020B0604020202020204" pitchFamily="34" charset="0"/>
              </a:rPr>
              <a:t>Productivity Commission </a:t>
            </a:r>
            <a:br>
              <a:rPr lang="en-US" dirty="0">
                <a:latin typeface="Arial Black" panose="020B0A04020102020204" pitchFamily="34" charset="0"/>
              </a:rPr>
            </a:br>
            <a:r>
              <a:rPr lang="en-US" dirty="0">
                <a:latin typeface="Arial Black" panose="020B0A04020102020204" pitchFamily="34" charset="0"/>
              </a:rPr>
              <a:t>Philanthropy Inquiry</a:t>
            </a:r>
            <a:endParaRPr lang="en-AU" dirty="0">
              <a:latin typeface="Arial Black" panose="020B0A04020102020204" pitchFamily="34" charset="0"/>
            </a:endParaRPr>
          </a:p>
        </p:txBody>
      </p:sp>
      <p:sp>
        <p:nvSpPr>
          <p:cNvPr id="4" name="Text Placeholder 3"/>
          <p:cNvSpPr>
            <a:spLocks noGrp="1"/>
          </p:cNvSpPr>
          <p:nvPr>
            <p:ph type="body" sz="quarter" idx="13"/>
          </p:nvPr>
        </p:nvSpPr>
        <p:spPr>
          <a:xfrm>
            <a:off x="640462" y="3856877"/>
            <a:ext cx="5454651" cy="353305"/>
          </a:xfrm>
        </p:spPr>
        <p:txBody>
          <a:bodyPr>
            <a:normAutofit lnSpcReduction="10000"/>
          </a:bodyPr>
          <a:lstStyle/>
          <a:p>
            <a:r>
              <a:rPr lang="en-AU" dirty="0"/>
              <a:t>Philanthropy Inquiry webinar</a:t>
            </a:r>
          </a:p>
        </p:txBody>
      </p:sp>
      <p:sp>
        <p:nvSpPr>
          <p:cNvPr id="5" name="Text Placeholder 4"/>
          <p:cNvSpPr>
            <a:spLocks noGrp="1"/>
          </p:cNvSpPr>
          <p:nvPr>
            <p:ph type="body" sz="quarter" idx="14"/>
          </p:nvPr>
        </p:nvSpPr>
        <p:spPr>
          <a:xfrm>
            <a:off x="640462" y="4145281"/>
            <a:ext cx="6004177" cy="531560"/>
          </a:xfrm>
        </p:spPr>
        <p:txBody>
          <a:bodyPr>
            <a:noAutofit/>
          </a:bodyPr>
          <a:lstStyle/>
          <a:p>
            <a:r>
              <a:rPr lang="en-AU" sz="1100"/>
              <a:t>Alex Robson, Commissioner</a:t>
            </a:r>
          </a:p>
          <a:p>
            <a:r>
              <a:rPr lang="en-AU" sz="1100"/>
              <a:t>Julie Abramson, Commissioner </a:t>
            </a:r>
          </a:p>
          <a:p>
            <a:r>
              <a:rPr lang="en-AU" sz="1100"/>
              <a:t>Krystian Seibert, Associate Commissioner</a:t>
            </a:r>
          </a:p>
        </p:txBody>
      </p:sp>
      <p:grpSp>
        <p:nvGrpSpPr>
          <p:cNvPr id="2" name="Group 1">
            <a:extLst>
              <a:ext uri="{FF2B5EF4-FFF2-40B4-BE49-F238E27FC236}">
                <a16:creationId xmlns:a16="http://schemas.microsoft.com/office/drawing/2014/main" id="{03037F1A-C0C1-2460-9654-5533EA2CDC74}"/>
              </a:ext>
              <a:ext uri="{C183D7F6-B498-43B3-948B-1728B52AA6E4}">
                <adec:decorative xmlns:adec="http://schemas.microsoft.com/office/drawing/2017/decorative" val="1"/>
              </a:ext>
            </a:extLst>
          </p:cNvPr>
          <p:cNvGrpSpPr/>
          <p:nvPr/>
        </p:nvGrpSpPr>
        <p:grpSpPr>
          <a:xfrm>
            <a:off x="726872" y="2601074"/>
            <a:ext cx="4124280" cy="669073"/>
            <a:chOff x="596404" y="2686875"/>
            <a:chExt cx="4124280" cy="669073"/>
          </a:xfrm>
        </p:grpSpPr>
        <p:sp>
          <p:nvSpPr>
            <p:cNvPr id="6" name="TextBox 5">
              <a:extLst>
                <a:ext uri="{FF2B5EF4-FFF2-40B4-BE49-F238E27FC236}">
                  <a16:creationId xmlns:a16="http://schemas.microsoft.com/office/drawing/2014/main" id="{80220EC3-4703-17B6-03AB-F5DE8C1F84FB}"/>
                </a:ext>
                <a:ext uri="{C183D7F6-B498-43B3-948B-1728B52AA6E4}">
                  <adec:decorative xmlns:adec="http://schemas.microsoft.com/office/drawing/2017/decorative" val="1"/>
                </a:ext>
              </a:extLst>
            </p:cNvPr>
            <p:cNvSpPr txBox="1"/>
            <p:nvPr/>
          </p:nvSpPr>
          <p:spPr>
            <a:xfrm>
              <a:off x="596404" y="2686875"/>
              <a:ext cx="4124280" cy="669073"/>
            </a:xfrm>
            <a:prstGeom prst="rect">
              <a:avLst/>
            </a:prstGeom>
            <a:noFill/>
            <a:ln w="19050">
              <a:solidFill>
                <a:srgbClr val="BAC1CA"/>
              </a:solidFill>
            </a:ln>
          </p:spPr>
          <p:txBody>
            <a:bodyPr wrap="square" lIns="756000" rtlCol="0" anchor="ctr" anchorCtr="0">
              <a:noAutofit/>
            </a:bodyPr>
            <a:lstStyle/>
            <a:p>
              <a:r>
                <a:rPr lang="en-US" sz="1400" b="1" dirty="0">
                  <a:solidFill>
                    <a:schemeClr val="tx1">
                      <a:lumMod val="50000"/>
                      <a:lumOff val="50000"/>
                    </a:schemeClr>
                  </a:solidFill>
                  <a:latin typeface="Arial" panose="020B0604020202020204" pitchFamily="34" charset="0"/>
                  <a:cs typeface="Arial" panose="020B0604020202020204" pitchFamily="34" charset="0"/>
                </a:rPr>
                <a:t>The briefing will commence shortly, please keep</a:t>
              </a:r>
              <a:r>
                <a:rPr lang="en-AU" sz="1400" b="1" dirty="0">
                  <a:solidFill>
                    <a:schemeClr val="tx1">
                      <a:lumMod val="50000"/>
                      <a:lumOff val="50000"/>
                    </a:schemeClr>
                  </a:solidFill>
                  <a:latin typeface="Arial" panose="020B0604020202020204" pitchFamily="34" charset="0"/>
                  <a:cs typeface="Arial" panose="020B0604020202020204" pitchFamily="34" charset="0"/>
                </a:rPr>
                <a:t> </a:t>
              </a:r>
              <a:r>
                <a:rPr lang="en-US" sz="1400" b="1" dirty="0">
                  <a:solidFill>
                    <a:schemeClr val="tx1">
                      <a:lumMod val="50000"/>
                      <a:lumOff val="50000"/>
                    </a:schemeClr>
                  </a:solidFill>
                  <a:latin typeface="Arial" panose="020B0604020202020204" pitchFamily="34" charset="0"/>
                  <a:cs typeface="Arial" panose="020B0604020202020204" pitchFamily="34" charset="0"/>
                </a:rPr>
                <a:t>your microphone on mute</a:t>
              </a:r>
              <a:endParaRPr lang="en-AU" sz="1400" b="1" dirty="0">
                <a:solidFill>
                  <a:schemeClr val="tx1">
                    <a:lumMod val="50000"/>
                    <a:lumOff val="50000"/>
                  </a:schemeClr>
                </a:solidFill>
                <a:latin typeface="Arial" panose="020B0604020202020204" pitchFamily="34" charset="0"/>
                <a:cs typeface="Arial" panose="020B0604020202020204" pitchFamily="34" charset="0"/>
              </a:endParaRPr>
            </a:p>
          </p:txBody>
        </p:sp>
        <p:pic>
          <p:nvPicPr>
            <p:cNvPr id="7" name="Picture 6">
              <a:extLst>
                <a:ext uri="{FF2B5EF4-FFF2-40B4-BE49-F238E27FC236}">
                  <a16:creationId xmlns:a16="http://schemas.microsoft.com/office/drawing/2014/main" id="{EED2934B-12AE-0539-648E-CD7CDACBEA98}"/>
                </a:ext>
                <a:ext uri="{C183D7F6-B498-43B3-948B-1728B52AA6E4}">
                  <adec:decorative xmlns:adec="http://schemas.microsoft.com/office/drawing/2017/decorative" val="1"/>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55872" y="2753532"/>
              <a:ext cx="575445" cy="535759"/>
            </a:xfrm>
            <a:prstGeom prst="rect">
              <a:avLst/>
            </a:prstGeom>
          </p:spPr>
        </p:pic>
      </p:grpSp>
    </p:spTree>
    <p:extLst>
      <p:ext uri="{BB962C8B-B14F-4D97-AF65-F5344CB8AC3E}">
        <p14:creationId xmlns:p14="http://schemas.microsoft.com/office/powerpoint/2010/main" val="327220279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89576" y="194370"/>
            <a:ext cx="5470152" cy="461665"/>
          </a:xfrm>
        </p:spPr>
        <p:txBody>
          <a:bodyPr/>
          <a:lstStyle/>
          <a:p>
            <a:r>
              <a:rPr lang="en-US"/>
              <a:t>Inquiry process and milestones</a:t>
            </a:r>
            <a:endParaRPr lang="en-AU"/>
          </a:p>
        </p:txBody>
      </p:sp>
      <p:sp>
        <p:nvSpPr>
          <p:cNvPr id="36" name="Text Placeholder 35"/>
          <p:cNvSpPr>
            <a:spLocks noGrp="1"/>
          </p:cNvSpPr>
          <p:nvPr>
            <p:ph type="body" sz="quarter" idx="14"/>
          </p:nvPr>
        </p:nvSpPr>
        <p:spPr/>
        <p:txBody>
          <a:bodyPr>
            <a:normAutofit/>
          </a:bodyPr>
          <a:lstStyle/>
          <a:p>
            <a:r>
              <a:rPr lang="en-US"/>
              <a:t>Key Dates</a:t>
            </a:r>
            <a:endParaRPr lang="en-AU"/>
          </a:p>
        </p:txBody>
      </p:sp>
      <p:sp>
        <p:nvSpPr>
          <p:cNvPr id="5" name="Slide Number Placeholder 4"/>
          <p:cNvSpPr>
            <a:spLocks noGrp="1"/>
          </p:cNvSpPr>
          <p:nvPr>
            <p:ph type="sldNum" sz="quarter" idx="4"/>
          </p:nvPr>
        </p:nvSpPr>
        <p:spPr/>
        <p:txBody>
          <a:bodyPr/>
          <a:lstStyle/>
          <a:p>
            <a:fld id="{8A657B52-D046-4802-A3DE-55E7ED70298C}" type="slidenum">
              <a:rPr lang="en-AU" smtClean="0"/>
              <a:pPr/>
              <a:t>10</a:t>
            </a:fld>
            <a:endParaRPr lang="en-AU"/>
          </a:p>
        </p:txBody>
      </p:sp>
      <p:sp>
        <p:nvSpPr>
          <p:cNvPr id="76" name="TextBox 75">
            <a:extLst>
              <a:ext uri="{FF2B5EF4-FFF2-40B4-BE49-F238E27FC236}">
                <a16:creationId xmlns:a16="http://schemas.microsoft.com/office/drawing/2014/main" id="{8AAB74CE-BD87-477F-B72F-6650E5E40D71}"/>
              </a:ext>
            </a:extLst>
          </p:cNvPr>
          <p:cNvSpPr txBox="1"/>
          <p:nvPr/>
        </p:nvSpPr>
        <p:spPr>
          <a:xfrm>
            <a:off x="8546110" y="4132497"/>
            <a:ext cx="572239" cy="264819"/>
          </a:xfrm>
          <a:prstGeom prst="rect">
            <a:avLst/>
          </a:prstGeom>
          <a:noFill/>
        </p:spPr>
        <p:txBody>
          <a:bodyPr wrap="square" rtlCol="0">
            <a:noAutofit/>
          </a:bodyPr>
          <a:lstStyle/>
          <a:p>
            <a:pPr algn="l">
              <a:spcAft>
                <a:spcPts val="450"/>
              </a:spcAft>
            </a:pPr>
            <a:r>
              <a:rPr lang="en-US" sz="800" b="1">
                <a:solidFill>
                  <a:schemeClr val="tx1">
                    <a:lumMod val="75000"/>
                    <a:lumOff val="25000"/>
                  </a:schemeClr>
                </a:solidFill>
                <a:latin typeface="Arial" panose="020B0604020202020204" pitchFamily="34" charset="0"/>
                <a:cs typeface="Arial" panose="020B0604020202020204" pitchFamily="34" charset="0"/>
              </a:rPr>
              <a:t>END</a:t>
            </a:r>
            <a:endParaRPr lang="en-AU" sz="800" b="1">
              <a:solidFill>
                <a:schemeClr val="tx1">
                  <a:lumMod val="75000"/>
                  <a:lumOff val="25000"/>
                </a:schemeClr>
              </a:solidFill>
              <a:latin typeface="Arial" panose="020B0604020202020204" pitchFamily="34" charset="0"/>
              <a:cs typeface="Arial" panose="020B0604020202020204" pitchFamily="34" charset="0"/>
            </a:endParaRPr>
          </a:p>
        </p:txBody>
      </p:sp>
      <p:grpSp>
        <p:nvGrpSpPr>
          <p:cNvPr id="14" name="Group 13" descr="This figure shows the timeline for the philanthropy inquiry. A call for submissions paper was released in March 2023 and submissions are due on 5 May 2023. Roundtable sessions will be held in June/July 2023. A draft report will be released in November, following which further submissions will be invited. Public hearings will occur in February 2024 and a final report delivered to Government by 11 May. ">
            <a:extLst>
              <a:ext uri="{FF2B5EF4-FFF2-40B4-BE49-F238E27FC236}">
                <a16:creationId xmlns:a16="http://schemas.microsoft.com/office/drawing/2014/main" id="{CED8ABB8-1EA8-A327-B712-566A4CF37D5F}"/>
              </a:ext>
            </a:extLst>
          </p:cNvPr>
          <p:cNvGrpSpPr/>
          <p:nvPr/>
        </p:nvGrpSpPr>
        <p:grpSpPr>
          <a:xfrm>
            <a:off x="276024" y="901655"/>
            <a:ext cx="8572702" cy="4075537"/>
            <a:chOff x="276024" y="901655"/>
            <a:chExt cx="8572702" cy="4075537"/>
          </a:xfrm>
        </p:grpSpPr>
        <p:grpSp>
          <p:nvGrpSpPr>
            <p:cNvPr id="83" name="Group 82">
              <a:extLst>
                <a:ext uri="{FF2B5EF4-FFF2-40B4-BE49-F238E27FC236}">
                  <a16:creationId xmlns:a16="http://schemas.microsoft.com/office/drawing/2014/main" id="{70B8BF56-1E52-1F9D-A7D9-DD01EF660C38}"/>
                </a:ext>
              </a:extLst>
            </p:cNvPr>
            <p:cNvGrpSpPr/>
            <p:nvPr/>
          </p:nvGrpSpPr>
          <p:grpSpPr>
            <a:xfrm>
              <a:off x="2408704" y="1845358"/>
              <a:ext cx="154800" cy="2399916"/>
              <a:chOff x="777089" y="889001"/>
              <a:chExt cx="122421" cy="2540079"/>
            </a:xfrm>
            <a:solidFill>
              <a:schemeClr val="tx2">
                <a:lumMod val="75000"/>
              </a:schemeClr>
            </a:solidFill>
          </p:grpSpPr>
          <p:cxnSp>
            <p:nvCxnSpPr>
              <p:cNvPr id="84" name="Straight Connector 83">
                <a:extLst>
                  <a:ext uri="{FF2B5EF4-FFF2-40B4-BE49-F238E27FC236}">
                    <a16:creationId xmlns:a16="http://schemas.microsoft.com/office/drawing/2014/main" id="{1FF2E895-5699-C766-0087-3DD64E5E76FA}"/>
                  </a:ext>
                </a:extLst>
              </p:cNvPr>
              <p:cNvCxnSpPr>
                <a:cxnSpLocks/>
              </p:cNvCxnSpPr>
              <p:nvPr/>
            </p:nvCxnSpPr>
            <p:spPr>
              <a:xfrm flipV="1">
                <a:off x="838300" y="990518"/>
                <a:ext cx="0" cy="2438562"/>
              </a:xfrm>
              <a:prstGeom prst="line">
                <a:avLst/>
              </a:prstGeom>
              <a:grpFill/>
              <a:ln w="22225">
                <a:solidFill>
                  <a:schemeClr val="tx2">
                    <a:lumMod val="75000"/>
                  </a:schemeClr>
                </a:solidFill>
                <a:prstDash val="solid"/>
                <a:headEnd type="none"/>
                <a:tailEnd type="none"/>
              </a:ln>
            </p:spPr>
            <p:style>
              <a:lnRef idx="1">
                <a:schemeClr val="accent1"/>
              </a:lnRef>
              <a:fillRef idx="0">
                <a:schemeClr val="accent1"/>
              </a:fillRef>
              <a:effectRef idx="0">
                <a:schemeClr val="accent1"/>
              </a:effectRef>
              <a:fontRef idx="minor">
                <a:schemeClr val="tx1"/>
              </a:fontRef>
            </p:style>
          </p:cxnSp>
          <p:sp>
            <p:nvSpPr>
              <p:cNvPr id="86" name="Oval 85">
                <a:extLst>
                  <a:ext uri="{FF2B5EF4-FFF2-40B4-BE49-F238E27FC236}">
                    <a16:creationId xmlns:a16="http://schemas.microsoft.com/office/drawing/2014/main" id="{035E5302-97D1-9117-37BD-6188E44ABE8A}"/>
                  </a:ext>
                </a:extLst>
              </p:cNvPr>
              <p:cNvSpPr/>
              <p:nvPr/>
            </p:nvSpPr>
            <p:spPr>
              <a:xfrm>
                <a:off x="777089" y="889001"/>
                <a:ext cx="122421" cy="163841"/>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grpSp>
          <p:nvGrpSpPr>
            <p:cNvPr id="29" name="Group 28"/>
            <p:cNvGrpSpPr/>
            <p:nvPr/>
          </p:nvGrpSpPr>
          <p:grpSpPr>
            <a:xfrm>
              <a:off x="4450761" y="1295379"/>
              <a:ext cx="1853746" cy="867031"/>
              <a:chOff x="2636881" y="2121291"/>
              <a:chExt cx="1901758" cy="867031"/>
            </a:xfrm>
          </p:grpSpPr>
          <p:sp>
            <p:nvSpPr>
              <p:cNvPr id="31" name="TextBox 30"/>
              <p:cNvSpPr txBox="1"/>
              <p:nvPr/>
            </p:nvSpPr>
            <p:spPr>
              <a:xfrm>
                <a:off x="2636881" y="2121291"/>
                <a:ext cx="1898354" cy="261610"/>
              </a:xfrm>
              <a:prstGeom prst="rect">
                <a:avLst/>
              </a:prstGeom>
              <a:solidFill>
                <a:schemeClr val="bg2"/>
              </a:solidFill>
            </p:spPr>
            <p:txBody>
              <a:bodyPr wrap="square" rtlCol="0">
                <a:spAutoFit/>
              </a:bodyPr>
              <a:lstStyle/>
              <a:p>
                <a:r>
                  <a:rPr lang="en-AU" sz="1100" b="1">
                    <a:solidFill>
                      <a:schemeClr val="bg1"/>
                    </a:solidFill>
                  </a:rPr>
                  <a:t>November</a:t>
                </a:r>
              </a:p>
            </p:txBody>
          </p:sp>
          <p:sp>
            <p:nvSpPr>
              <p:cNvPr id="33" name="TextBox 32"/>
              <p:cNvSpPr txBox="1"/>
              <p:nvPr/>
            </p:nvSpPr>
            <p:spPr>
              <a:xfrm>
                <a:off x="2636882" y="2381798"/>
                <a:ext cx="1901757" cy="606524"/>
              </a:xfrm>
              <a:prstGeom prst="rect">
                <a:avLst/>
              </a:prstGeom>
              <a:solidFill>
                <a:schemeClr val="bg2">
                  <a:lumMod val="20000"/>
                  <a:lumOff val="80000"/>
                </a:schemeClr>
              </a:solidFill>
            </p:spPr>
            <p:txBody>
              <a:bodyPr wrap="square" lIns="90000" tIns="46800" rIns="90000" bIns="46800" rtlCol="0">
                <a:noAutofit/>
              </a:bodyPr>
              <a:lstStyle/>
              <a:p>
                <a:r>
                  <a:rPr lang="en-US" sz="1100"/>
                  <a:t>Commission publishes </a:t>
                </a:r>
                <a:r>
                  <a:rPr lang="en-US" sz="1100" b="1"/>
                  <a:t>draft report </a:t>
                </a:r>
                <a:r>
                  <a:rPr lang="en-US" sz="1100"/>
                  <a:t>and </a:t>
                </a:r>
                <a:r>
                  <a:rPr lang="en-US" sz="1100" b="1"/>
                  <a:t>invites further submissions</a:t>
                </a:r>
              </a:p>
            </p:txBody>
          </p:sp>
        </p:grpSp>
        <p:sp>
          <p:nvSpPr>
            <p:cNvPr id="39" name="TextBox 38"/>
            <p:cNvSpPr txBox="1"/>
            <p:nvPr/>
          </p:nvSpPr>
          <p:spPr>
            <a:xfrm>
              <a:off x="3134205" y="2540484"/>
              <a:ext cx="1786955" cy="261610"/>
            </a:xfrm>
            <a:prstGeom prst="rect">
              <a:avLst/>
            </a:prstGeom>
            <a:solidFill>
              <a:schemeClr val="tx2">
                <a:lumMod val="75000"/>
              </a:schemeClr>
            </a:solidFill>
          </p:spPr>
          <p:txBody>
            <a:bodyPr wrap="square" rtlCol="0">
              <a:spAutoFit/>
            </a:bodyPr>
            <a:lstStyle/>
            <a:p>
              <a:r>
                <a:rPr lang="en-AU" sz="1100" b="1">
                  <a:solidFill>
                    <a:schemeClr val="bg1"/>
                  </a:solidFill>
                </a:rPr>
                <a:t>June/July 2023</a:t>
              </a:r>
            </a:p>
          </p:txBody>
        </p:sp>
        <p:sp>
          <p:nvSpPr>
            <p:cNvPr id="40" name="TextBox 39"/>
            <p:cNvSpPr txBox="1"/>
            <p:nvPr/>
          </p:nvSpPr>
          <p:spPr>
            <a:xfrm>
              <a:off x="3134205" y="2792886"/>
              <a:ext cx="1786955" cy="263791"/>
            </a:xfrm>
            <a:prstGeom prst="rect">
              <a:avLst/>
            </a:prstGeom>
            <a:solidFill>
              <a:schemeClr val="tx2">
                <a:lumMod val="40000"/>
                <a:lumOff val="60000"/>
              </a:schemeClr>
            </a:solidFill>
          </p:spPr>
          <p:txBody>
            <a:bodyPr wrap="square" lIns="90000" tIns="46800" rIns="90000" bIns="46800" rtlCol="0">
              <a:spAutoFit/>
            </a:bodyPr>
            <a:lstStyle/>
            <a:p>
              <a:r>
                <a:rPr lang="en-US" sz="1100" b="1"/>
                <a:t>Roundtable sessions</a:t>
              </a:r>
            </a:p>
          </p:txBody>
        </p:sp>
        <p:grpSp>
          <p:nvGrpSpPr>
            <p:cNvPr id="62" name="Group 61"/>
            <p:cNvGrpSpPr/>
            <p:nvPr/>
          </p:nvGrpSpPr>
          <p:grpSpPr>
            <a:xfrm>
              <a:off x="6864317" y="901655"/>
              <a:ext cx="1984409" cy="552264"/>
              <a:chOff x="6750023" y="4055168"/>
              <a:chExt cx="1605132" cy="552262"/>
            </a:xfrm>
          </p:grpSpPr>
          <p:sp>
            <p:nvSpPr>
              <p:cNvPr id="44" name="TextBox 43"/>
              <p:cNvSpPr txBox="1"/>
              <p:nvPr/>
            </p:nvSpPr>
            <p:spPr>
              <a:xfrm>
                <a:off x="6750023" y="4312545"/>
                <a:ext cx="1605132" cy="294885"/>
              </a:xfrm>
              <a:prstGeom prst="rect">
                <a:avLst/>
              </a:prstGeom>
              <a:solidFill>
                <a:schemeClr val="bg2">
                  <a:lumMod val="20000"/>
                  <a:lumOff val="80000"/>
                </a:schemeClr>
              </a:solidFill>
            </p:spPr>
            <p:txBody>
              <a:bodyPr wrap="square" lIns="90000" tIns="46800" rIns="90000" bIns="46800" rtlCol="0">
                <a:noAutofit/>
              </a:bodyPr>
              <a:lstStyle/>
              <a:p>
                <a:r>
                  <a:rPr lang="en-US" sz="1100" b="1"/>
                  <a:t>Final report </a:t>
                </a:r>
                <a:r>
                  <a:rPr lang="en-US" sz="1100"/>
                  <a:t>to Government </a:t>
                </a:r>
              </a:p>
            </p:txBody>
          </p:sp>
          <p:sp>
            <p:nvSpPr>
              <p:cNvPr id="46" name="TextBox 45"/>
              <p:cNvSpPr txBox="1"/>
              <p:nvPr/>
            </p:nvSpPr>
            <p:spPr>
              <a:xfrm>
                <a:off x="6750023" y="4055168"/>
                <a:ext cx="1605131" cy="261609"/>
              </a:xfrm>
              <a:prstGeom prst="rect">
                <a:avLst/>
              </a:prstGeom>
              <a:solidFill>
                <a:schemeClr val="bg2"/>
              </a:solidFill>
            </p:spPr>
            <p:txBody>
              <a:bodyPr wrap="square" rtlCol="0">
                <a:spAutoFit/>
              </a:bodyPr>
              <a:lstStyle/>
              <a:p>
                <a:r>
                  <a:rPr lang="en-US" sz="1100" b="1">
                    <a:solidFill>
                      <a:schemeClr val="bg1"/>
                    </a:solidFill>
                  </a:rPr>
                  <a:t>By 11 May</a:t>
                </a:r>
                <a:endParaRPr lang="en-AU" sz="1100" b="1">
                  <a:solidFill>
                    <a:schemeClr val="bg1"/>
                  </a:solidFill>
                </a:endParaRPr>
              </a:p>
            </p:txBody>
          </p:sp>
        </p:grpSp>
        <p:cxnSp>
          <p:nvCxnSpPr>
            <p:cNvPr id="38" name="Straight Connector 37">
              <a:extLst>
                <a:ext uri="{FF2B5EF4-FFF2-40B4-BE49-F238E27FC236}">
                  <a16:creationId xmlns:a16="http://schemas.microsoft.com/office/drawing/2014/main" id="{E2C75F03-920E-4665-ADCA-E68B0A51E288}"/>
                </a:ext>
              </a:extLst>
            </p:cNvPr>
            <p:cNvCxnSpPr>
              <a:cxnSpLocks/>
            </p:cNvCxnSpPr>
            <p:nvPr/>
          </p:nvCxnSpPr>
          <p:spPr>
            <a:xfrm>
              <a:off x="882727" y="4237842"/>
              <a:ext cx="7637560" cy="0"/>
            </a:xfrm>
            <a:prstGeom prst="line">
              <a:avLst/>
            </a:prstGeom>
            <a:ln w="254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sp>
          <p:nvSpPr>
            <p:cNvPr id="42" name="TextBox 41">
              <a:extLst>
                <a:ext uri="{FF2B5EF4-FFF2-40B4-BE49-F238E27FC236}">
                  <a16:creationId xmlns:a16="http://schemas.microsoft.com/office/drawing/2014/main" id="{F882719C-E21F-4EF3-BD63-4AEB1C533707}"/>
                </a:ext>
              </a:extLst>
            </p:cNvPr>
            <p:cNvSpPr txBox="1"/>
            <p:nvPr/>
          </p:nvSpPr>
          <p:spPr>
            <a:xfrm>
              <a:off x="276024" y="4132497"/>
              <a:ext cx="572239" cy="264819"/>
            </a:xfrm>
            <a:prstGeom prst="rect">
              <a:avLst/>
            </a:prstGeom>
            <a:noFill/>
          </p:spPr>
          <p:txBody>
            <a:bodyPr wrap="square" rtlCol="0">
              <a:noAutofit/>
            </a:bodyPr>
            <a:lstStyle/>
            <a:p>
              <a:pPr algn="l">
                <a:spcAft>
                  <a:spcPts val="450"/>
                </a:spcAft>
              </a:pPr>
              <a:r>
                <a:rPr lang="en-US" sz="800" b="1">
                  <a:solidFill>
                    <a:schemeClr val="tx1">
                      <a:lumMod val="75000"/>
                      <a:lumOff val="25000"/>
                    </a:schemeClr>
                  </a:solidFill>
                  <a:latin typeface="Arial" panose="020B0604020202020204" pitchFamily="34" charset="0"/>
                  <a:cs typeface="Arial" panose="020B0604020202020204" pitchFamily="34" charset="0"/>
                </a:rPr>
                <a:t>START</a:t>
              </a:r>
              <a:endParaRPr lang="en-AU" sz="800" b="1">
                <a:solidFill>
                  <a:schemeClr val="tx1">
                    <a:lumMod val="75000"/>
                    <a:lumOff val="25000"/>
                  </a:schemeClr>
                </a:solidFill>
                <a:latin typeface="Arial" panose="020B0604020202020204" pitchFamily="34" charset="0"/>
                <a:cs typeface="Arial" panose="020B0604020202020204" pitchFamily="34" charset="0"/>
              </a:endParaRPr>
            </a:p>
          </p:txBody>
        </p:sp>
        <p:sp>
          <p:nvSpPr>
            <p:cNvPr id="43" name="Isosceles Triangle 42">
              <a:extLst>
                <a:ext uri="{FF2B5EF4-FFF2-40B4-BE49-F238E27FC236}">
                  <a16:creationId xmlns:a16="http://schemas.microsoft.com/office/drawing/2014/main" id="{AB461ABE-6954-4C72-B6FA-AFCDF8BFC2E1}"/>
                </a:ext>
              </a:extLst>
            </p:cNvPr>
            <p:cNvSpPr/>
            <p:nvPr/>
          </p:nvSpPr>
          <p:spPr>
            <a:xfrm rot="5400000">
              <a:off x="733906" y="4184899"/>
              <a:ext cx="122828" cy="105886"/>
            </a:xfrm>
            <a:prstGeom prst="triangle">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85" name="Rectangle 84">
              <a:extLst>
                <a:ext uri="{FF2B5EF4-FFF2-40B4-BE49-F238E27FC236}">
                  <a16:creationId xmlns:a16="http://schemas.microsoft.com/office/drawing/2014/main" id="{00AF2C15-E294-4DBD-B9B3-51ADCDF5051B}"/>
                </a:ext>
              </a:extLst>
            </p:cNvPr>
            <p:cNvSpPr/>
            <p:nvPr/>
          </p:nvSpPr>
          <p:spPr>
            <a:xfrm>
              <a:off x="8507991" y="4200785"/>
              <a:ext cx="74114" cy="74114"/>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6" name="TextBox 5">
              <a:extLst>
                <a:ext uri="{FF2B5EF4-FFF2-40B4-BE49-F238E27FC236}">
                  <a16:creationId xmlns:a16="http://schemas.microsoft.com/office/drawing/2014/main" id="{D3D9F88E-E0AE-4E7C-EB75-A91F5727CF79}"/>
                </a:ext>
              </a:extLst>
            </p:cNvPr>
            <p:cNvSpPr txBox="1"/>
            <p:nvPr/>
          </p:nvSpPr>
          <p:spPr>
            <a:xfrm>
              <a:off x="320736" y="2557135"/>
              <a:ext cx="1456511" cy="600164"/>
            </a:xfrm>
            <a:prstGeom prst="rect">
              <a:avLst/>
            </a:prstGeom>
            <a:solidFill>
              <a:schemeClr val="bg2">
                <a:lumMod val="20000"/>
                <a:lumOff val="80000"/>
              </a:schemeClr>
            </a:solidFill>
          </p:spPr>
          <p:txBody>
            <a:bodyPr wrap="square" rtlCol="0">
              <a:spAutoFit/>
            </a:bodyPr>
            <a:lstStyle/>
            <a:p>
              <a:r>
                <a:rPr lang="en-AU" sz="1100" b="1"/>
                <a:t>Call for submissions </a:t>
              </a:r>
              <a:r>
                <a:rPr lang="en-AU" sz="1100"/>
                <a:t>paper released</a:t>
              </a:r>
            </a:p>
          </p:txBody>
        </p:sp>
        <p:sp>
          <p:nvSpPr>
            <p:cNvPr id="9" name="TextBox 8">
              <a:extLst>
                <a:ext uri="{FF2B5EF4-FFF2-40B4-BE49-F238E27FC236}">
                  <a16:creationId xmlns:a16="http://schemas.microsoft.com/office/drawing/2014/main" id="{986D9905-90C1-6426-E199-AADCED16F30A}"/>
                </a:ext>
              </a:extLst>
            </p:cNvPr>
            <p:cNvSpPr txBox="1"/>
            <p:nvPr/>
          </p:nvSpPr>
          <p:spPr>
            <a:xfrm>
              <a:off x="320737" y="2290703"/>
              <a:ext cx="1456511" cy="268118"/>
            </a:xfrm>
            <a:prstGeom prst="rect">
              <a:avLst/>
            </a:prstGeom>
            <a:solidFill>
              <a:schemeClr val="bg2"/>
            </a:solidFill>
          </p:spPr>
          <p:txBody>
            <a:bodyPr wrap="square" rtlCol="0">
              <a:spAutoFit/>
            </a:bodyPr>
            <a:lstStyle/>
            <a:p>
              <a:r>
                <a:rPr lang="en-AU" sz="1100" b="1">
                  <a:solidFill>
                    <a:schemeClr val="bg1"/>
                  </a:solidFill>
                </a:rPr>
                <a:t>March 2023</a:t>
              </a:r>
            </a:p>
          </p:txBody>
        </p:sp>
        <p:sp>
          <p:nvSpPr>
            <p:cNvPr id="12" name="TextBox 11">
              <a:extLst>
                <a:ext uri="{FF2B5EF4-FFF2-40B4-BE49-F238E27FC236}">
                  <a16:creationId xmlns:a16="http://schemas.microsoft.com/office/drawing/2014/main" id="{4D677AC7-5C38-4BBA-6BA4-021F279F4871}"/>
                </a:ext>
              </a:extLst>
            </p:cNvPr>
            <p:cNvSpPr txBox="1"/>
            <p:nvPr/>
          </p:nvSpPr>
          <p:spPr>
            <a:xfrm>
              <a:off x="1450255" y="1471000"/>
              <a:ext cx="1901757" cy="284744"/>
            </a:xfrm>
            <a:prstGeom prst="rect">
              <a:avLst/>
            </a:prstGeom>
            <a:solidFill>
              <a:schemeClr val="tx2">
                <a:lumMod val="40000"/>
                <a:lumOff val="60000"/>
              </a:schemeClr>
            </a:solidFill>
          </p:spPr>
          <p:txBody>
            <a:bodyPr wrap="square" lIns="90000" tIns="46800" rIns="90000" bIns="46800" rtlCol="0">
              <a:noAutofit/>
            </a:bodyPr>
            <a:lstStyle/>
            <a:p>
              <a:r>
                <a:rPr lang="en-US" sz="1100"/>
                <a:t>Initial </a:t>
              </a:r>
              <a:r>
                <a:rPr lang="en-US" sz="1100" b="1"/>
                <a:t>submissions due </a:t>
              </a:r>
            </a:p>
          </p:txBody>
        </p:sp>
        <p:sp>
          <p:nvSpPr>
            <p:cNvPr id="13" name="TextBox 12">
              <a:extLst>
                <a:ext uri="{FF2B5EF4-FFF2-40B4-BE49-F238E27FC236}">
                  <a16:creationId xmlns:a16="http://schemas.microsoft.com/office/drawing/2014/main" id="{0A6639AE-5BB4-D229-7AF2-C801BC2619AA}"/>
                </a:ext>
              </a:extLst>
            </p:cNvPr>
            <p:cNvSpPr txBox="1"/>
            <p:nvPr/>
          </p:nvSpPr>
          <p:spPr>
            <a:xfrm>
              <a:off x="1453573" y="1221900"/>
              <a:ext cx="1898354" cy="261610"/>
            </a:xfrm>
            <a:prstGeom prst="rect">
              <a:avLst/>
            </a:prstGeom>
            <a:solidFill>
              <a:schemeClr val="tx2">
                <a:lumMod val="75000"/>
              </a:schemeClr>
            </a:solidFill>
          </p:spPr>
          <p:txBody>
            <a:bodyPr wrap="square" rtlCol="0">
              <a:spAutoFit/>
            </a:bodyPr>
            <a:lstStyle/>
            <a:p>
              <a:r>
                <a:rPr lang="en-AU" sz="1100" b="1">
                  <a:solidFill>
                    <a:schemeClr val="bg1"/>
                  </a:solidFill>
                </a:rPr>
                <a:t>5 May 2023</a:t>
              </a:r>
            </a:p>
          </p:txBody>
        </p:sp>
        <p:sp>
          <p:nvSpPr>
            <p:cNvPr id="21" name="TextBox 20">
              <a:extLst>
                <a:ext uri="{FF2B5EF4-FFF2-40B4-BE49-F238E27FC236}">
                  <a16:creationId xmlns:a16="http://schemas.microsoft.com/office/drawing/2014/main" id="{5A17DB08-2E6E-E391-264B-21AD1E37C020}"/>
                </a:ext>
              </a:extLst>
            </p:cNvPr>
            <p:cNvSpPr txBox="1"/>
            <p:nvPr/>
          </p:nvSpPr>
          <p:spPr>
            <a:xfrm>
              <a:off x="6222654" y="2761943"/>
              <a:ext cx="1510719" cy="261610"/>
            </a:xfrm>
            <a:prstGeom prst="rect">
              <a:avLst/>
            </a:prstGeom>
            <a:solidFill>
              <a:schemeClr val="tx2">
                <a:lumMod val="75000"/>
              </a:schemeClr>
            </a:solidFill>
          </p:spPr>
          <p:txBody>
            <a:bodyPr wrap="square" rtlCol="0">
              <a:spAutoFit/>
            </a:bodyPr>
            <a:lstStyle/>
            <a:p>
              <a:r>
                <a:rPr lang="en-AU" sz="1100" b="1">
                  <a:solidFill>
                    <a:schemeClr val="bg1"/>
                  </a:solidFill>
                </a:rPr>
                <a:t>February 2024 </a:t>
              </a:r>
            </a:p>
          </p:txBody>
        </p:sp>
        <p:sp>
          <p:nvSpPr>
            <p:cNvPr id="22" name="TextBox 21">
              <a:extLst>
                <a:ext uri="{FF2B5EF4-FFF2-40B4-BE49-F238E27FC236}">
                  <a16:creationId xmlns:a16="http://schemas.microsoft.com/office/drawing/2014/main" id="{4B92712C-771F-41C1-C71B-F7488522EA98}"/>
                </a:ext>
              </a:extLst>
            </p:cNvPr>
            <p:cNvSpPr txBox="1"/>
            <p:nvPr/>
          </p:nvSpPr>
          <p:spPr>
            <a:xfrm>
              <a:off x="6222654" y="3010341"/>
              <a:ext cx="1510721" cy="263791"/>
            </a:xfrm>
            <a:prstGeom prst="rect">
              <a:avLst/>
            </a:prstGeom>
            <a:solidFill>
              <a:schemeClr val="tx2">
                <a:lumMod val="40000"/>
                <a:lumOff val="60000"/>
              </a:schemeClr>
            </a:solidFill>
          </p:spPr>
          <p:txBody>
            <a:bodyPr wrap="square" lIns="90000" tIns="46800" rIns="90000" bIns="46800" rtlCol="0">
              <a:spAutoFit/>
            </a:bodyPr>
            <a:lstStyle/>
            <a:p>
              <a:r>
                <a:rPr lang="en-US" sz="1100" b="1"/>
                <a:t>Public hearings</a:t>
              </a:r>
              <a:endParaRPr lang="en-US" sz="1100"/>
            </a:p>
          </p:txBody>
        </p:sp>
        <p:grpSp>
          <p:nvGrpSpPr>
            <p:cNvPr id="48" name="Group 47">
              <a:extLst>
                <a:ext uri="{FF2B5EF4-FFF2-40B4-BE49-F238E27FC236}">
                  <a16:creationId xmlns:a16="http://schemas.microsoft.com/office/drawing/2014/main" id="{308D8CA1-D5F8-E817-106E-C4652F3093BD}"/>
                </a:ext>
              </a:extLst>
            </p:cNvPr>
            <p:cNvGrpSpPr/>
            <p:nvPr/>
          </p:nvGrpSpPr>
          <p:grpSpPr>
            <a:xfrm>
              <a:off x="3843304" y="3155281"/>
              <a:ext cx="154799" cy="1080001"/>
              <a:chOff x="805356" y="995286"/>
              <a:chExt cx="65888" cy="1116346"/>
            </a:xfrm>
            <a:solidFill>
              <a:schemeClr val="tx2">
                <a:lumMod val="75000"/>
              </a:schemeClr>
            </a:solidFill>
          </p:grpSpPr>
          <p:cxnSp>
            <p:nvCxnSpPr>
              <p:cNvPr id="54" name="Straight Connector 53">
                <a:extLst>
                  <a:ext uri="{FF2B5EF4-FFF2-40B4-BE49-F238E27FC236}">
                    <a16:creationId xmlns:a16="http://schemas.microsoft.com/office/drawing/2014/main" id="{4DB12696-2A5D-7C85-3A21-0EFDD1962D4C}"/>
                  </a:ext>
                </a:extLst>
              </p:cNvPr>
              <p:cNvCxnSpPr>
                <a:cxnSpLocks/>
              </p:cNvCxnSpPr>
              <p:nvPr/>
            </p:nvCxnSpPr>
            <p:spPr>
              <a:xfrm flipV="1">
                <a:off x="838300" y="1052477"/>
                <a:ext cx="0" cy="1059155"/>
              </a:xfrm>
              <a:prstGeom prst="line">
                <a:avLst/>
              </a:prstGeom>
              <a:grpFill/>
              <a:ln w="22225">
                <a:solidFill>
                  <a:schemeClr val="tx2">
                    <a:lumMod val="75000"/>
                  </a:schemeClr>
                </a:solidFill>
                <a:prstDash val="solid"/>
                <a:headEnd type="none"/>
                <a:tailEnd type="oval"/>
              </a:ln>
            </p:spPr>
            <p:style>
              <a:lnRef idx="1">
                <a:schemeClr val="accent1"/>
              </a:lnRef>
              <a:fillRef idx="0">
                <a:schemeClr val="accent1"/>
              </a:fillRef>
              <a:effectRef idx="0">
                <a:schemeClr val="accent1"/>
              </a:effectRef>
              <a:fontRef idx="minor">
                <a:schemeClr val="tx1"/>
              </a:fontRef>
            </p:style>
          </p:cxnSp>
          <p:sp>
            <p:nvSpPr>
              <p:cNvPr id="57" name="Oval 56">
                <a:extLst>
                  <a:ext uri="{FF2B5EF4-FFF2-40B4-BE49-F238E27FC236}">
                    <a16:creationId xmlns:a16="http://schemas.microsoft.com/office/drawing/2014/main" id="{F5EF1764-4E82-57CA-8F95-88AFBBA9F11E}"/>
                  </a:ext>
                </a:extLst>
              </p:cNvPr>
              <p:cNvSpPr/>
              <p:nvPr/>
            </p:nvSpPr>
            <p:spPr>
              <a:xfrm>
                <a:off x="805356" y="995286"/>
                <a:ext cx="65888" cy="160009"/>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grpSp>
          <p:nvGrpSpPr>
            <p:cNvPr id="58" name="Group 57">
              <a:extLst>
                <a:ext uri="{FF2B5EF4-FFF2-40B4-BE49-F238E27FC236}">
                  <a16:creationId xmlns:a16="http://schemas.microsoft.com/office/drawing/2014/main" id="{D2797380-B3ED-4E96-A9B4-1FA9F5F5D344}"/>
                </a:ext>
              </a:extLst>
            </p:cNvPr>
            <p:cNvGrpSpPr/>
            <p:nvPr/>
          </p:nvGrpSpPr>
          <p:grpSpPr>
            <a:xfrm>
              <a:off x="6864317" y="3327177"/>
              <a:ext cx="152970" cy="900001"/>
              <a:chOff x="762781" y="934099"/>
              <a:chExt cx="152970" cy="1177533"/>
            </a:xfrm>
          </p:grpSpPr>
          <p:cxnSp>
            <p:nvCxnSpPr>
              <p:cNvPr id="59" name="Straight Connector 58">
                <a:extLst>
                  <a:ext uri="{FF2B5EF4-FFF2-40B4-BE49-F238E27FC236}">
                    <a16:creationId xmlns:a16="http://schemas.microsoft.com/office/drawing/2014/main" id="{8D652D3D-DEB7-735D-54AE-E42AE0D6C7E5}"/>
                  </a:ext>
                </a:extLst>
              </p:cNvPr>
              <p:cNvCxnSpPr>
                <a:cxnSpLocks/>
              </p:cNvCxnSpPr>
              <p:nvPr/>
            </p:nvCxnSpPr>
            <p:spPr>
              <a:xfrm flipV="1">
                <a:off x="838300" y="1052477"/>
                <a:ext cx="0" cy="1059155"/>
              </a:xfrm>
              <a:prstGeom prst="line">
                <a:avLst/>
              </a:prstGeom>
              <a:ln w="22225">
                <a:solidFill>
                  <a:schemeClr val="tx2">
                    <a:lumMod val="75000"/>
                  </a:schemeClr>
                </a:solidFill>
                <a:prstDash val="solid"/>
                <a:headEnd type="none"/>
                <a:tailEnd type="oval"/>
              </a:ln>
            </p:spPr>
            <p:style>
              <a:lnRef idx="1">
                <a:schemeClr val="accent1"/>
              </a:lnRef>
              <a:fillRef idx="0">
                <a:schemeClr val="accent1"/>
              </a:fillRef>
              <a:effectRef idx="0">
                <a:schemeClr val="accent1"/>
              </a:effectRef>
              <a:fontRef idx="minor">
                <a:schemeClr val="tx1"/>
              </a:fontRef>
            </p:style>
          </p:cxnSp>
          <p:sp>
            <p:nvSpPr>
              <p:cNvPr id="61" name="Oval 60">
                <a:extLst>
                  <a:ext uri="{FF2B5EF4-FFF2-40B4-BE49-F238E27FC236}">
                    <a16:creationId xmlns:a16="http://schemas.microsoft.com/office/drawing/2014/main" id="{FA1FE9D4-7E2D-84D1-A5EE-FCED3C6B63CB}"/>
                  </a:ext>
                </a:extLst>
              </p:cNvPr>
              <p:cNvSpPr/>
              <p:nvPr/>
            </p:nvSpPr>
            <p:spPr>
              <a:xfrm>
                <a:off x="762781" y="934099"/>
                <a:ext cx="152970" cy="202536"/>
              </a:xfrm>
              <a:prstGeom prst="ellipse">
                <a:avLst/>
              </a:prstGeom>
              <a:solidFill>
                <a:schemeClr val="tx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grpSp>
          <p:nvGrpSpPr>
            <p:cNvPr id="77" name="Group 76">
              <a:extLst>
                <a:ext uri="{FF2B5EF4-FFF2-40B4-BE49-F238E27FC236}">
                  <a16:creationId xmlns:a16="http://schemas.microsoft.com/office/drawing/2014/main" id="{0B1E91DA-9D6D-F21C-A60D-6B1F6E5E2873}"/>
                </a:ext>
              </a:extLst>
            </p:cNvPr>
            <p:cNvGrpSpPr/>
            <p:nvPr/>
          </p:nvGrpSpPr>
          <p:grpSpPr>
            <a:xfrm>
              <a:off x="7794327" y="1471870"/>
              <a:ext cx="152970" cy="2755308"/>
              <a:chOff x="761815" y="888490"/>
              <a:chExt cx="152970" cy="2755308"/>
            </a:xfrm>
          </p:grpSpPr>
          <p:cxnSp>
            <p:nvCxnSpPr>
              <p:cNvPr id="78" name="Straight Connector 77">
                <a:extLst>
                  <a:ext uri="{FF2B5EF4-FFF2-40B4-BE49-F238E27FC236}">
                    <a16:creationId xmlns:a16="http://schemas.microsoft.com/office/drawing/2014/main" id="{C98D30DC-E1DA-CD2D-38AA-D4C2A28B46CC}"/>
                  </a:ext>
                </a:extLst>
              </p:cNvPr>
              <p:cNvCxnSpPr>
                <a:cxnSpLocks/>
              </p:cNvCxnSpPr>
              <p:nvPr/>
            </p:nvCxnSpPr>
            <p:spPr>
              <a:xfrm flipV="1">
                <a:off x="838300" y="990518"/>
                <a:ext cx="0" cy="2653280"/>
              </a:xfrm>
              <a:prstGeom prst="line">
                <a:avLst/>
              </a:prstGeom>
              <a:ln w="22225">
                <a:solidFill>
                  <a:schemeClr val="bg2"/>
                </a:solidFill>
                <a:prstDash val="solid"/>
                <a:headEnd type="none"/>
                <a:tailEnd type="none"/>
              </a:ln>
            </p:spPr>
            <p:style>
              <a:lnRef idx="1">
                <a:schemeClr val="accent1"/>
              </a:lnRef>
              <a:fillRef idx="0">
                <a:schemeClr val="accent1"/>
              </a:fillRef>
              <a:effectRef idx="0">
                <a:schemeClr val="accent1"/>
              </a:effectRef>
              <a:fontRef idx="minor">
                <a:schemeClr val="tx1"/>
              </a:fontRef>
            </p:style>
          </p:cxnSp>
          <p:sp>
            <p:nvSpPr>
              <p:cNvPr id="79" name="Oval 78">
                <a:extLst>
                  <a:ext uri="{FF2B5EF4-FFF2-40B4-BE49-F238E27FC236}">
                    <a16:creationId xmlns:a16="http://schemas.microsoft.com/office/drawing/2014/main" id="{7557CFD5-8C6B-799E-B00F-E77AFD4731C6}"/>
                  </a:ext>
                </a:extLst>
              </p:cNvPr>
              <p:cNvSpPr/>
              <p:nvPr/>
            </p:nvSpPr>
            <p:spPr>
              <a:xfrm>
                <a:off x="761815" y="888490"/>
                <a:ext cx="152970" cy="152970"/>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grpSp>
          <p:nvGrpSpPr>
            <p:cNvPr id="80" name="Group 79">
              <a:extLst>
                <a:ext uri="{FF2B5EF4-FFF2-40B4-BE49-F238E27FC236}">
                  <a16:creationId xmlns:a16="http://schemas.microsoft.com/office/drawing/2014/main" id="{F559673D-FA9A-52E8-4358-33722D8A4170}"/>
                </a:ext>
              </a:extLst>
            </p:cNvPr>
            <p:cNvGrpSpPr/>
            <p:nvPr/>
          </p:nvGrpSpPr>
          <p:grpSpPr>
            <a:xfrm>
              <a:off x="1070803" y="3255178"/>
              <a:ext cx="152970" cy="972000"/>
              <a:chOff x="762781" y="934100"/>
              <a:chExt cx="152970" cy="1177532"/>
            </a:xfrm>
            <a:solidFill>
              <a:schemeClr val="bg2"/>
            </a:solidFill>
          </p:grpSpPr>
          <p:cxnSp>
            <p:nvCxnSpPr>
              <p:cNvPr id="81" name="Straight Connector 80">
                <a:extLst>
                  <a:ext uri="{FF2B5EF4-FFF2-40B4-BE49-F238E27FC236}">
                    <a16:creationId xmlns:a16="http://schemas.microsoft.com/office/drawing/2014/main" id="{6AD36C29-798D-5EBF-FA35-1104A6B41EF7}"/>
                  </a:ext>
                </a:extLst>
              </p:cNvPr>
              <p:cNvCxnSpPr>
                <a:cxnSpLocks/>
              </p:cNvCxnSpPr>
              <p:nvPr/>
            </p:nvCxnSpPr>
            <p:spPr>
              <a:xfrm flipV="1">
                <a:off x="838300" y="1052477"/>
                <a:ext cx="0" cy="1059155"/>
              </a:xfrm>
              <a:prstGeom prst="line">
                <a:avLst/>
              </a:prstGeom>
              <a:grpFill/>
              <a:ln w="22225">
                <a:solidFill>
                  <a:schemeClr val="bg2"/>
                </a:solidFill>
                <a:prstDash val="solid"/>
                <a:headEnd type="none"/>
                <a:tailEnd type="oval"/>
              </a:ln>
            </p:spPr>
            <p:style>
              <a:lnRef idx="1">
                <a:schemeClr val="accent1"/>
              </a:lnRef>
              <a:fillRef idx="0">
                <a:schemeClr val="accent1"/>
              </a:fillRef>
              <a:effectRef idx="0">
                <a:schemeClr val="accent1"/>
              </a:effectRef>
              <a:fontRef idx="minor">
                <a:schemeClr val="tx1"/>
              </a:fontRef>
            </p:style>
          </p:cxnSp>
          <p:sp>
            <p:nvSpPr>
              <p:cNvPr id="82" name="Oval 81">
                <a:extLst>
                  <a:ext uri="{FF2B5EF4-FFF2-40B4-BE49-F238E27FC236}">
                    <a16:creationId xmlns:a16="http://schemas.microsoft.com/office/drawing/2014/main" id="{F95EEE09-D860-AA9D-CB60-11669D6B0648}"/>
                  </a:ext>
                </a:extLst>
              </p:cNvPr>
              <p:cNvSpPr/>
              <p:nvPr/>
            </p:nvSpPr>
            <p:spPr>
              <a:xfrm>
                <a:off x="762781" y="934100"/>
                <a:ext cx="152970" cy="187533"/>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grpSp>
          <p:nvGrpSpPr>
            <p:cNvPr id="87" name="Group 86">
              <a:extLst>
                <a:ext uri="{FF2B5EF4-FFF2-40B4-BE49-F238E27FC236}">
                  <a16:creationId xmlns:a16="http://schemas.microsoft.com/office/drawing/2014/main" id="{5DCF045C-DC38-24AB-20D9-7E2AC0A28188}"/>
                </a:ext>
              </a:extLst>
            </p:cNvPr>
            <p:cNvGrpSpPr/>
            <p:nvPr/>
          </p:nvGrpSpPr>
          <p:grpSpPr>
            <a:xfrm>
              <a:off x="5277659" y="2191675"/>
              <a:ext cx="154801" cy="2027272"/>
              <a:chOff x="800878" y="1018600"/>
              <a:chExt cx="74843" cy="1093032"/>
            </a:xfrm>
            <a:solidFill>
              <a:schemeClr val="bg2"/>
            </a:solidFill>
          </p:grpSpPr>
          <p:cxnSp>
            <p:nvCxnSpPr>
              <p:cNvPr id="88" name="Straight Connector 87">
                <a:extLst>
                  <a:ext uri="{FF2B5EF4-FFF2-40B4-BE49-F238E27FC236}">
                    <a16:creationId xmlns:a16="http://schemas.microsoft.com/office/drawing/2014/main" id="{C91890C2-DEAF-DFF1-2834-8A76D9ADDFF6}"/>
                  </a:ext>
                </a:extLst>
              </p:cNvPr>
              <p:cNvCxnSpPr>
                <a:cxnSpLocks/>
              </p:cNvCxnSpPr>
              <p:nvPr/>
            </p:nvCxnSpPr>
            <p:spPr>
              <a:xfrm flipV="1">
                <a:off x="838300" y="1052477"/>
                <a:ext cx="0" cy="1059155"/>
              </a:xfrm>
              <a:prstGeom prst="line">
                <a:avLst/>
              </a:prstGeom>
              <a:grpFill/>
              <a:ln w="22225">
                <a:solidFill>
                  <a:schemeClr val="bg2"/>
                </a:solidFill>
                <a:prstDash val="solid"/>
                <a:headEnd type="none"/>
                <a:tailEnd type="oval"/>
              </a:ln>
            </p:spPr>
            <p:style>
              <a:lnRef idx="1">
                <a:schemeClr val="accent1"/>
              </a:lnRef>
              <a:fillRef idx="0">
                <a:schemeClr val="accent1"/>
              </a:fillRef>
              <a:effectRef idx="0">
                <a:schemeClr val="accent1"/>
              </a:effectRef>
              <a:fontRef idx="minor">
                <a:schemeClr val="tx1"/>
              </a:fontRef>
            </p:style>
          </p:cxnSp>
          <p:sp>
            <p:nvSpPr>
              <p:cNvPr id="89" name="Oval 88">
                <a:extLst>
                  <a:ext uri="{FF2B5EF4-FFF2-40B4-BE49-F238E27FC236}">
                    <a16:creationId xmlns:a16="http://schemas.microsoft.com/office/drawing/2014/main" id="{DE061CDF-00CE-9CCB-E9B0-F56D6FA44B46}"/>
                  </a:ext>
                </a:extLst>
              </p:cNvPr>
              <p:cNvSpPr/>
              <p:nvPr/>
            </p:nvSpPr>
            <p:spPr>
              <a:xfrm>
                <a:off x="800878" y="1018600"/>
                <a:ext cx="74843" cy="83463"/>
              </a:xfrm>
              <a:prstGeom prst="ellipse">
                <a:avLst/>
              </a:prstGeom>
              <a:grp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sp>
          <p:nvSpPr>
            <p:cNvPr id="3" name="TextBox 2">
              <a:extLst>
                <a:ext uri="{FF2B5EF4-FFF2-40B4-BE49-F238E27FC236}">
                  <a16:creationId xmlns:a16="http://schemas.microsoft.com/office/drawing/2014/main" id="{83CEFCA2-4926-958B-A9ED-B28F983A2B08}"/>
                </a:ext>
              </a:extLst>
            </p:cNvPr>
            <p:cNvSpPr txBox="1"/>
            <p:nvPr/>
          </p:nvSpPr>
          <p:spPr>
            <a:xfrm>
              <a:off x="669656" y="4262609"/>
              <a:ext cx="997527" cy="98060"/>
            </a:xfrm>
            <a:prstGeom prst="rect">
              <a:avLst/>
            </a:prstGeom>
            <a:noFill/>
          </p:spPr>
          <p:txBody>
            <a:bodyPr wrap="square" rtlCol="0">
              <a:noAutofit/>
            </a:bodyPr>
            <a:lstStyle/>
            <a:p>
              <a:pPr algn="l">
                <a:spcAft>
                  <a:spcPts val="450"/>
                </a:spcAft>
              </a:pPr>
              <a:r>
                <a:rPr lang="en-AU" sz="1050" b="1">
                  <a:solidFill>
                    <a:schemeClr val="tx1">
                      <a:lumMod val="75000"/>
                      <a:lumOff val="25000"/>
                    </a:schemeClr>
                  </a:solidFill>
                  <a:latin typeface="Arial" panose="020B0604020202020204" pitchFamily="34" charset="0"/>
                  <a:cs typeface="Arial" panose="020B0604020202020204" pitchFamily="34" charset="0"/>
                </a:rPr>
                <a:t>2023</a:t>
              </a:r>
            </a:p>
          </p:txBody>
        </p:sp>
        <p:sp>
          <p:nvSpPr>
            <p:cNvPr id="4" name="TextBox 3">
              <a:extLst>
                <a:ext uri="{FF2B5EF4-FFF2-40B4-BE49-F238E27FC236}">
                  <a16:creationId xmlns:a16="http://schemas.microsoft.com/office/drawing/2014/main" id="{FEC51F73-8B03-F415-9C10-1177E23241D7}"/>
                </a:ext>
              </a:extLst>
            </p:cNvPr>
            <p:cNvSpPr txBox="1"/>
            <p:nvPr/>
          </p:nvSpPr>
          <p:spPr>
            <a:xfrm>
              <a:off x="5723890" y="4242755"/>
              <a:ext cx="997527" cy="98060"/>
            </a:xfrm>
            <a:prstGeom prst="rect">
              <a:avLst/>
            </a:prstGeom>
            <a:noFill/>
          </p:spPr>
          <p:txBody>
            <a:bodyPr wrap="square" rtlCol="0">
              <a:noAutofit/>
            </a:bodyPr>
            <a:lstStyle/>
            <a:p>
              <a:pPr algn="l">
                <a:spcAft>
                  <a:spcPts val="450"/>
                </a:spcAft>
              </a:pPr>
              <a:r>
                <a:rPr lang="en-AU" sz="1050" b="1">
                  <a:solidFill>
                    <a:schemeClr val="tx1">
                      <a:lumMod val="75000"/>
                      <a:lumOff val="25000"/>
                    </a:schemeClr>
                  </a:solidFill>
                  <a:latin typeface="Arial" panose="020B0604020202020204" pitchFamily="34" charset="0"/>
                  <a:cs typeface="Arial" panose="020B0604020202020204" pitchFamily="34" charset="0"/>
                </a:rPr>
                <a:t>2024</a:t>
              </a:r>
            </a:p>
          </p:txBody>
        </p:sp>
        <p:sp>
          <p:nvSpPr>
            <p:cNvPr id="7" name="Rectangle 6">
              <a:extLst>
                <a:ext uri="{FF2B5EF4-FFF2-40B4-BE49-F238E27FC236}">
                  <a16:creationId xmlns:a16="http://schemas.microsoft.com/office/drawing/2014/main" id="{BAE8E9DA-FC86-A134-1211-00BC6191FC4E}"/>
                </a:ext>
              </a:extLst>
            </p:cNvPr>
            <p:cNvSpPr/>
            <p:nvPr/>
          </p:nvSpPr>
          <p:spPr>
            <a:xfrm>
              <a:off x="848263" y="4766209"/>
              <a:ext cx="222540" cy="182921"/>
            </a:xfrm>
            <a:prstGeom prst="rect">
              <a:avLst/>
            </a:prstGeom>
            <a:solidFill>
              <a:schemeClr val="bg2">
                <a:lumMod val="20000"/>
                <a:lumOff val="80000"/>
              </a:schemeClr>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8" name="Rectangle 7">
              <a:extLst>
                <a:ext uri="{FF2B5EF4-FFF2-40B4-BE49-F238E27FC236}">
                  <a16:creationId xmlns:a16="http://schemas.microsoft.com/office/drawing/2014/main" id="{DB762CC0-2FC3-DC57-F781-26C72E59C02D}"/>
                </a:ext>
              </a:extLst>
            </p:cNvPr>
            <p:cNvSpPr/>
            <p:nvPr/>
          </p:nvSpPr>
          <p:spPr>
            <a:xfrm>
              <a:off x="2237890" y="4764558"/>
              <a:ext cx="222540" cy="182921"/>
            </a:xfrm>
            <a:prstGeom prst="rect">
              <a:avLst/>
            </a:prstGeom>
            <a:solidFill>
              <a:schemeClr val="tx2">
                <a:lumMod val="40000"/>
                <a:lumOff val="60000"/>
              </a:schemeClr>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0" name="TextBox 9">
              <a:extLst>
                <a:ext uri="{FF2B5EF4-FFF2-40B4-BE49-F238E27FC236}">
                  <a16:creationId xmlns:a16="http://schemas.microsoft.com/office/drawing/2014/main" id="{AFAF1339-EFEB-7F0B-82F9-05C6BF1B7313}"/>
                </a:ext>
              </a:extLst>
            </p:cNvPr>
            <p:cNvSpPr txBox="1"/>
            <p:nvPr/>
          </p:nvSpPr>
          <p:spPr>
            <a:xfrm>
              <a:off x="1033285" y="4748043"/>
              <a:ext cx="1267795" cy="229149"/>
            </a:xfrm>
            <a:prstGeom prst="rect">
              <a:avLst/>
            </a:prstGeom>
            <a:noFill/>
          </p:spPr>
          <p:txBody>
            <a:bodyPr wrap="square" rtlCol="0">
              <a:noAutofit/>
            </a:bodyPr>
            <a:lstStyle/>
            <a:p>
              <a:pPr algn="l">
                <a:spcAft>
                  <a:spcPts val="450"/>
                </a:spcAft>
              </a:pPr>
              <a:r>
                <a:rPr lang="en-AU" sz="1050">
                  <a:solidFill>
                    <a:schemeClr val="tx1">
                      <a:lumMod val="75000"/>
                      <a:lumOff val="25000"/>
                    </a:schemeClr>
                  </a:solidFill>
                  <a:latin typeface="Arial" panose="020B0604020202020204" pitchFamily="34" charset="0"/>
                  <a:cs typeface="Arial" panose="020B0604020202020204" pitchFamily="34" charset="0"/>
                </a:rPr>
                <a:t>PC reporting</a:t>
              </a:r>
            </a:p>
          </p:txBody>
        </p:sp>
        <p:sp>
          <p:nvSpPr>
            <p:cNvPr id="11" name="TextBox 10">
              <a:extLst>
                <a:ext uri="{FF2B5EF4-FFF2-40B4-BE49-F238E27FC236}">
                  <a16:creationId xmlns:a16="http://schemas.microsoft.com/office/drawing/2014/main" id="{F96FD6A9-2982-551D-D6F9-FA2FD002F795}"/>
                </a:ext>
              </a:extLst>
            </p:cNvPr>
            <p:cNvSpPr txBox="1"/>
            <p:nvPr/>
          </p:nvSpPr>
          <p:spPr>
            <a:xfrm>
              <a:off x="2436154" y="4739746"/>
              <a:ext cx="1561946" cy="229149"/>
            </a:xfrm>
            <a:prstGeom prst="rect">
              <a:avLst/>
            </a:prstGeom>
            <a:noFill/>
          </p:spPr>
          <p:txBody>
            <a:bodyPr wrap="square" rtlCol="0">
              <a:noAutofit/>
            </a:bodyPr>
            <a:lstStyle/>
            <a:p>
              <a:pPr algn="l">
                <a:spcAft>
                  <a:spcPts val="450"/>
                </a:spcAft>
              </a:pPr>
              <a:r>
                <a:rPr lang="en-AU" sz="1050">
                  <a:solidFill>
                    <a:schemeClr val="tx1">
                      <a:lumMod val="75000"/>
                      <a:lumOff val="25000"/>
                    </a:schemeClr>
                  </a:solidFill>
                  <a:latin typeface="Arial" panose="020B0604020202020204" pitchFamily="34" charset="0"/>
                  <a:cs typeface="Arial" panose="020B0604020202020204" pitchFamily="34" charset="0"/>
                </a:rPr>
                <a:t>Public engagement</a:t>
              </a:r>
            </a:p>
          </p:txBody>
        </p:sp>
      </p:grpSp>
    </p:spTree>
    <p:extLst>
      <p:ext uri="{BB962C8B-B14F-4D97-AF65-F5344CB8AC3E}">
        <p14:creationId xmlns:p14="http://schemas.microsoft.com/office/powerpoint/2010/main" val="388093662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D6A8BDB-86AA-9CC2-3870-D9937C6D07BA}"/>
              </a:ext>
            </a:extLst>
          </p:cNvPr>
          <p:cNvSpPr>
            <a:spLocks noGrp="1"/>
          </p:cNvSpPr>
          <p:nvPr>
            <p:ph type="title"/>
          </p:nvPr>
        </p:nvSpPr>
        <p:spPr>
          <a:xfrm>
            <a:off x="189576" y="194370"/>
            <a:ext cx="4189352" cy="461665"/>
          </a:xfrm>
        </p:spPr>
        <p:txBody>
          <a:bodyPr/>
          <a:lstStyle/>
          <a:p>
            <a:r>
              <a:rPr lang="en-AU"/>
              <a:t>How you can contribute</a:t>
            </a:r>
          </a:p>
        </p:txBody>
      </p:sp>
      <p:sp>
        <p:nvSpPr>
          <p:cNvPr id="3" name="Text Placeholder 2">
            <a:extLst>
              <a:ext uri="{FF2B5EF4-FFF2-40B4-BE49-F238E27FC236}">
                <a16:creationId xmlns:a16="http://schemas.microsoft.com/office/drawing/2014/main" id="{045CB312-268D-2FF8-465C-DEFFEEE65230}"/>
              </a:ext>
            </a:extLst>
          </p:cNvPr>
          <p:cNvSpPr>
            <a:spLocks noGrp="1"/>
          </p:cNvSpPr>
          <p:nvPr>
            <p:ph type="body" sz="quarter" idx="14"/>
          </p:nvPr>
        </p:nvSpPr>
        <p:spPr>
          <a:xfrm>
            <a:off x="6972825" y="4707996"/>
            <a:ext cx="1670431" cy="335646"/>
          </a:xfrm>
        </p:spPr>
        <p:txBody>
          <a:bodyPr/>
          <a:lstStyle/>
          <a:p>
            <a:r>
              <a:rPr lang="en-AU"/>
              <a:t>Contributing to the inquiry</a:t>
            </a:r>
          </a:p>
        </p:txBody>
      </p:sp>
      <p:sp>
        <p:nvSpPr>
          <p:cNvPr id="4" name="Slide Number Placeholder 3">
            <a:extLst>
              <a:ext uri="{FF2B5EF4-FFF2-40B4-BE49-F238E27FC236}">
                <a16:creationId xmlns:a16="http://schemas.microsoft.com/office/drawing/2014/main" id="{CA3F6445-168B-E357-24A1-CBFB58BC91FA}"/>
              </a:ext>
            </a:extLst>
          </p:cNvPr>
          <p:cNvSpPr>
            <a:spLocks noGrp="1"/>
          </p:cNvSpPr>
          <p:nvPr>
            <p:ph type="sldNum" sz="quarter" idx="4"/>
          </p:nvPr>
        </p:nvSpPr>
        <p:spPr/>
        <p:txBody>
          <a:bodyPr/>
          <a:lstStyle/>
          <a:p>
            <a:fld id="{8A657B52-D046-4802-A3DE-55E7ED70298C}" type="slidenum">
              <a:rPr lang="en-AU" smtClean="0"/>
              <a:pPr/>
              <a:t>11</a:t>
            </a:fld>
            <a:endParaRPr lang="en-AU"/>
          </a:p>
        </p:txBody>
      </p:sp>
      <p:grpSp>
        <p:nvGrpSpPr>
          <p:cNvPr id="19" name="Group 18" descr="This image shows the different ways people can contribute to the inquiry process. Options include registering your interest to receive updates, leaving a comment, speaking with us at a roundtable or public hearing, calling or meeting with us or making a submission. Submissions can be by an individual or organisations, any length, written or video-format and cover as few or as many issues as you wish. Submissions are made public, although there are options available to submit a confidential submission. ">
            <a:extLst>
              <a:ext uri="{FF2B5EF4-FFF2-40B4-BE49-F238E27FC236}">
                <a16:creationId xmlns:a16="http://schemas.microsoft.com/office/drawing/2014/main" id="{CE4D8A4A-5EEA-D6B0-5439-F76874F276B7}"/>
              </a:ext>
            </a:extLst>
          </p:cNvPr>
          <p:cNvGrpSpPr/>
          <p:nvPr/>
        </p:nvGrpSpPr>
        <p:grpSpPr>
          <a:xfrm>
            <a:off x="202622" y="930922"/>
            <a:ext cx="8550295" cy="3510814"/>
            <a:chOff x="202622" y="930922"/>
            <a:chExt cx="8550295" cy="3510814"/>
          </a:xfrm>
        </p:grpSpPr>
        <p:sp>
          <p:nvSpPr>
            <p:cNvPr id="91" name="TextBox 90">
              <a:extLst>
                <a:ext uri="{FF2B5EF4-FFF2-40B4-BE49-F238E27FC236}">
                  <a16:creationId xmlns:a16="http://schemas.microsoft.com/office/drawing/2014/main" id="{39D10D3C-2DE9-6567-0159-21D8719EE4DE}"/>
                </a:ext>
              </a:extLst>
            </p:cNvPr>
            <p:cNvSpPr txBox="1"/>
            <p:nvPr/>
          </p:nvSpPr>
          <p:spPr>
            <a:xfrm>
              <a:off x="202622" y="930922"/>
              <a:ext cx="3989785" cy="1039084"/>
            </a:xfrm>
            <a:prstGeom prst="rect">
              <a:avLst/>
            </a:prstGeom>
            <a:solidFill>
              <a:schemeClr val="tx2">
                <a:lumMod val="20000"/>
                <a:lumOff val="80000"/>
              </a:schemeClr>
            </a:solidFill>
          </p:spPr>
          <p:txBody>
            <a:bodyPr wrap="square" lIns="1044000" anchor="ctr" anchorCtr="0">
              <a:noAutofit/>
            </a:bodyPr>
            <a:lstStyle/>
            <a:p>
              <a:r>
                <a:rPr lang="en-AU" sz="1400" dirty="0">
                  <a:effectLst/>
                  <a:latin typeface="Arial" panose="020B0604020202020204" pitchFamily="34" charset="0"/>
                  <a:ea typeface="Calibri" panose="020F0502020204030204" pitchFamily="34" charset="0"/>
                  <a:cs typeface="Times New Roman" panose="02020603050405020304" pitchFamily="18" charset="0"/>
                </a:rPr>
                <a:t>Register your interest to receive updates</a:t>
              </a:r>
              <a:endParaRPr lang="en-AU" sz="1400" dirty="0"/>
            </a:p>
          </p:txBody>
        </p:sp>
        <p:sp>
          <p:nvSpPr>
            <p:cNvPr id="92" name="TextBox 91">
              <a:extLst>
                <a:ext uri="{FF2B5EF4-FFF2-40B4-BE49-F238E27FC236}">
                  <a16:creationId xmlns:a16="http://schemas.microsoft.com/office/drawing/2014/main" id="{E0D8662B-BE6D-F938-4F8E-ECD925E01FE7}"/>
                </a:ext>
              </a:extLst>
            </p:cNvPr>
            <p:cNvSpPr txBox="1"/>
            <p:nvPr/>
          </p:nvSpPr>
          <p:spPr>
            <a:xfrm>
              <a:off x="276195" y="2155805"/>
              <a:ext cx="3989785" cy="1001402"/>
            </a:xfrm>
            <a:prstGeom prst="rect">
              <a:avLst/>
            </a:prstGeom>
            <a:solidFill>
              <a:schemeClr val="tx2">
                <a:lumMod val="20000"/>
                <a:lumOff val="80000"/>
              </a:schemeClr>
            </a:solidFill>
          </p:spPr>
          <p:txBody>
            <a:bodyPr wrap="square" lIns="1044000" anchor="ctr" anchorCtr="0">
              <a:noAutofit/>
            </a:bodyPr>
            <a:lstStyle/>
            <a:p>
              <a:r>
                <a:rPr lang="en-AU" sz="1400" dirty="0">
                  <a:effectLst/>
                  <a:latin typeface="Arial" panose="020B0604020202020204" pitchFamily="34" charset="0"/>
                  <a:ea typeface="Calibri" panose="020F0502020204030204" pitchFamily="34" charset="0"/>
                  <a:cs typeface="Times New Roman" panose="02020603050405020304" pitchFamily="18" charset="0"/>
                </a:rPr>
                <a:t>Leave a comment</a:t>
              </a:r>
              <a:endParaRPr lang="en-AU" sz="1400" dirty="0"/>
            </a:p>
          </p:txBody>
        </p:sp>
        <p:sp>
          <p:nvSpPr>
            <p:cNvPr id="93" name="TextBox 92">
              <a:extLst>
                <a:ext uri="{FF2B5EF4-FFF2-40B4-BE49-F238E27FC236}">
                  <a16:creationId xmlns:a16="http://schemas.microsoft.com/office/drawing/2014/main" id="{57DA3358-F1F5-16EC-3B55-81A007287111}"/>
                </a:ext>
              </a:extLst>
            </p:cNvPr>
            <p:cNvSpPr txBox="1"/>
            <p:nvPr/>
          </p:nvSpPr>
          <p:spPr>
            <a:xfrm>
              <a:off x="4534266" y="946882"/>
              <a:ext cx="4208927" cy="1986180"/>
            </a:xfrm>
            <a:prstGeom prst="rect">
              <a:avLst/>
            </a:prstGeom>
            <a:solidFill>
              <a:schemeClr val="tx2">
                <a:lumMod val="20000"/>
                <a:lumOff val="80000"/>
              </a:schemeClr>
            </a:solidFill>
          </p:spPr>
          <p:txBody>
            <a:bodyPr wrap="square" lIns="1224000" anchor="ctr" anchorCtr="0">
              <a:noAutofit/>
            </a:bodyPr>
            <a:lstStyle/>
            <a:p>
              <a:pPr>
                <a:spcAft>
                  <a:spcPts val="500"/>
                </a:spcAft>
              </a:pPr>
              <a:r>
                <a:rPr lang="en-AU" sz="1400" dirty="0">
                  <a:effectLst/>
                  <a:latin typeface="Arial" panose="020B0604020202020204" pitchFamily="34" charset="0"/>
                  <a:ea typeface="Calibri" panose="020F0502020204030204" pitchFamily="34" charset="0"/>
                  <a:cs typeface="Times New Roman" panose="02020603050405020304" pitchFamily="18" charset="0"/>
                </a:rPr>
                <a:t>Make a submission:</a:t>
              </a:r>
              <a:endParaRPr lang="en-AU" sz="1400" dirty="0">
                <a:latin typeface="Arial" panose="020B0604020202020204" pitchFamily="34" charset="0"/>
                <a:cs typeface="Times New Roman" panose="02020603050405020304" pitchFamily="18" charset="0"/>
              </a:endParaRPr>
            </a:p>
            <a:p>
              <a:pPr marL="285750" indent="-285750">
                <a:buFont typeface="Arial" panose="020B0604020202020204" pitchFamily="34" charset="0"/>
                <a:buChar char="•"/>
              </a:pPr>
              <a:r>
                <a:rPr lang="en-AU" sz="1400" dirty="0">
                  <a:latin typeface="Arial" panose="020B0604020202020204" pitchFamily="34" charset="0"/>
                  <a:cs typeface="Times New Roman" panose="02020603050405020304" pitchFamily="18" charset="0"/>
                </a:rPr>
                <a:t>Individual or organisation</a:t>
              </a:r>
            </a:p>
            <a:p>
              <a:pPr marL="285750" indent="-285750">
                <a:buFont typeface="Arial" panose="020B0604020202020204" pitchFamily="34" charset="0"/>
                <a:buChar char="•"/>
              </a:pPr>
              <a:r>
                <a:rPr lang="en-AU" sz="1400" dirty="0">
                  <a:latin typeface="Arial" panose="020B0604020202020204" pitchFamily="34" charset="0"/>
                  <a:cs typeface="Times New Roman" panose="02020603050405020304" pitchFamily="18" charset="0"/>
                </a:rPr>
                <a:t>Any length</a:t>
              </a:r>
            </a:p>
            <a:p>
              <a:pPr marL="285750" indent="-285750">
                <a:buFont typeface="Arial" panose="020B0604020202020204" pitchFamily="34" charset="0"/>
                <a:buChar char="•"/>
              </a:pPr>
              <a:r>
                <a:rPr lang="en-AU" sz="1400" dirty="0">
                  <a:latin typeface="Arial" panose="020B0604020202020204" pitchFamily="34" charset="0"/>
                  <a:cs typeface="Times New Roman" panose="02020603050405020304" pitchFamily="18" charset="0"/>
                </a:rPr>
                <a:t>Written or video</a:t>
              </a:r>
            </a:p>
            <a:p>
              <a:pPr marL="285750" indent="-285750">
                <a:buFont typeface="Arial" panose="020B0604020202020204" pitchFamily="34" charset="0"/>
                <a:buChar char="•"/>
              </a:pPr>
              <a:r>
                <a:rPr lang="en-AU" sz="1400" dirty="0">
                  <a:latin typeface="Arial" panose="020B0604020202020204" pitchFamily="34" charset="0"/>
                  <a:cs typeface="Times New Roman" panose="02020603050405020304" pitchFamily="18" charset="0"/>
                </a:rPr>
                <a:t>Covering as few or many issues you wish</a:t>
              </a:r>
            </a:p>
            <a:p>
              <a:pPr marL="285750" indent="-285750">
                <a:buFont typeface="Arial" panose="020B0604020202020204" pitchFamily="34" charset="0"/>
                <a:buChar char="•"/>
              </a:pPr>
              <a:r>
                <a:rPr lang="en-AU" sz="1400" dirty="0"/>
                <a:t>Submissions are made public</a:t>
              </a:r>
            </a:p>
          </p:txBody>
        </p:sp>
        <p:sp>
          <p:nvSpPr>
            <p:cNvPr id="94" name="TextBox 93">
              <a:extLst>
                <a:ext uri="{FF2B5EF4-FFF2-40B4-BE49-F238E27FC236}">
                  <a16:creationId xmlns:a16="http://schemas.microsoft.com/office/drawing/2014/main" id="{516C9977-2722-2E6D-0744-E192B39EDF35}"/>
                </a:ext>
              </a:extLst>
            </p:cNvPr>
            <p:cNvSpPr txBox="1"/>
            <p:nvPr/>
          </p:nvSpPr>
          <p:spPr>
            <a:xfrm>
              <a:off x="276195" y="3382247"/>
              <a:ext cx="3989785" cy="1059489"/>
            </a:xfrm>
            <a:prstGeom prst="rect">
              <a:avLst/>
            </a:prstGeom>
            <a:solidFill>
              <a:schemeClr val="tx2">
                <a:lumMod val="20000"/>
                <a:lumOff val="80000"/>
              </a:schemeClr>
            </a:solidFill>
          </p:spPr>
          <p:txBody>
            <a:bodyPr wrap="square" lIns="1044000" anchor="ctr" anchorCtr="0">
              <a:noAutofit/>
            </a:bodyPr>
            <a:lstStyle/>
            <a:p>
              <a:r>
                <a:rPr lang="en-AU" sz="1400" dirty="0">
                  <a:latin typeface="Arial" panose="020B0604020202020204" pitchFamily="34" charset="0"/>
                  <a:cs typeface="Times New Roman" panose="02020603050405020304" pitchFamily="18" charset="0"/>
                </a:rPr>
                <a:t>Speak with us at a round table or public hearing</a:t>
              </a:r>
              <a:endParaRPr lang="en-AU" sz="1400" dirty="0"/>
            </a:p>
          </p:txBody>
        </p:sp>
        <p:sp>
          <p:nvSpPr>
            <p:cNvPr id="5" name="TextBox 4">
              <a:extLst>
                <a:ext uri="{FF2B5EF4-FFF2-40B4-BE49-F238E27FC236}">
                  <a16:creationId xmlns:a16="http://schemas.microsoft.com/office/drawing/2014/main" id="{66ADD82D-D300-970D-C01F-43F7877A9024}"/>
                </a:ext>
              </a:extLst>
            </p:cNvPr>
            <p:cNvSpPr txBox="1"/>
            <p:nvPr/>
          </p:nvSpPr>
          <p:spPr>
            <a:xfrm>
              <a:off x="4543990" y="3157207"/>
              <a:ext cx="4208927" cy="1279104"/>
            </a:xfrm>
            <a:prstGeom prst="rect">
              <a:avLst/>
            </a:prstGeom>
            <a:solidFill>
              <a:schemeClr val="tx2">
                <a:lumMod val="20000"/>
                <a:lumOff val="80000"/>
              </a:schemeClr>
            </a:solidFill>
          </p:spPr>
          <p:txBody>
            <a:bodyPr wrap="square" lIns="1224000" tIns="45720" rIns="91440" bIns="45720" anchor="ctr" anchorCtr="0">
              <a:noAutofit/>
            </a:bodyPr>
            <a:lstStyle/>
            <a:p>
              <a:r>
                <a:rPr lang="en-AU" sz="1400" dirty="0">
                  <a:cs typeface="Times New Roman"/>
                </a:rPr>
                <a:t>Call or meet with us</a:t>
              </a:r>
            </a:p>
          </p:txBody>
        </p:sp>
        <p:sp>
          <p:nvSpPr>
            <p:cNvPr id="8" name="Content Placeholder 3">
              <a:extLst>
                <a:ext uri="{FF2B5EF4-FFF2-40B4-BE49-F238E27FC236}">
                  <a16:creationId xmlns:a16="http://schemas.microsoft.com/office/drawing/2014/main" id="{9B1118B3-3434-70B7-F403-CD845101ACFC}"/>
                </a:ext>
              </a:extLst>
            </p:cNvPr>
            <p:cNvSpPr txBox="1">
              <a:spLocks/>
            </p:cNvSpPr>
            <p:nvPr/>
          </p:nvSpPr>
          <p:spPr>
            <a:xfrm>
              <a:off x="238125" y="1019176"/>
              <a:ext cx="8448675" cy="3394472"/>
            </a:xfrm>
            <a:prstGeom prst="rect">
              <a:avLst/>
            </a:prstGeom>
          </p:spPr>
          <p:txBody>
            <a:bodyPr/>
            <a:lstStyle>
              <a:lvl1pPr marL="342892" indent="-342892" algn="l" defTabSz="914378" rtl="0" eaLnBrk="1" latinLnBrk="0" hangingPunct="1">
                <a:spcBef>
                  <a:spcPct val="20000"/>
                </a:spcBef>
                <a:buFont typeface="Arial" panose="020B0604020202020204" pitchFamily="34" charset="0"/>
                <a:buChar char="•"/>
                <a:defRPr sz="2400" kern="1200">
                  <a:solidFill>
                    <a:schemeClr val="tx1">
                      <a:lumMod val="65000"/>
                      <a:lumOff val="35000"/>
                    </a:schemeClr>
                  </a:solidFill>
                  <a:latin typeface="Arial" panose="020B0604020202020204" pitchFamily="34" charset="0"/>
                  <a:ea typeface="+mn-ea"/>
                  <a:cs typeface="Arial" panose="020B0604020202020204" pitchFamily="34" charset="0"/>
                </a:defRPr>
              </a:lvl1pPr>
              <a:lvl2pPr marL="742931" indent="-285743" algn="l" defTabSz="914378" rtl="0" eaLnBrk="1" latinLnBrk="0" hangingPunct="1">
                <a:spcBef>
                  <a:spcPct val="20000"/>
                </a:spcBef>
                <a:buFont typeface="Arial" panose="020B0604020202020204" pitchFamily="34" charset="0"/>
                <a:buChar char="–"/>
                <a:defRPr sz="2000" kern="1200">
                  <a:solidFill>
                    <a:schemeClr val="tx1">
                      <a:lumMod val="65000"/>
                      <a:lumOff val="35000"/>
                    </a:schemeClr>
                  </a:solidFill>
                  <a:latin typeface="Arial" panose="020B0604020202020204" pitchFamily="34" charset="0"/>
                  <a:ea typeface="+mn-ea"/>
                  <a:cs typeface="Arial" panose="020B0604020202020204" pitchFamily="34" charset="0"/>
                </a:defRPr>
              </a:lvl2pPr>
              <a:lvl3pPr marL="1142972" indent="-228594" algn="l" defTabSz="914378" rtl="0" eaLnBrk="1" latinLnBrk="0" hangingPunct="1">
                <a:spcBef>
                  <a:spcPct val="20000"/>
                </a:spcBef>
                <a:buFont typeface="Arial" panose="020B0604020202020204" pitchFamily="34" charset="0"/>
                <a:buChar char="•"/>
                <a:defRPr sz="1600" kern="1200">
                  <a:solidFill>
                    <a:schemeClr val="tx1">
                      <a:lumMod val="65000"/>
                      <a:lumOff val="35000"/>
                    </a:schemeClr>
                  </a:solidFill>
                  <a:latin typeface="Arial" panose="020B0604020202020204" pitchFamily="34" charset="0"/>
                  <a:ea typeface="+mn-ea"/>
                  <a:cs typeface="Arial" panose="020B0604020202020204" pitchFamily="34" charset="0"/>
                </a:defRPr>
              </a:lvl3pPr>
              <a:lvl4pPr marL="1600160" indent="-228594" algn="l" defTabSz="914378" rtl="0" eaLnBrk="1" latinLnBrk="0" hangingPunct="1">
                <a:spcBef>
                  <a:spcPct val="20000"/>
                </a:spcBef>
                <a:buFont typeface="Arial" panose="020B0604020202020204" pitchFamily="34" charset="0"/>
                <a:buChar char="–"/>
                <a:defRPr sz="1400" kern="1200">
                  <a:solidFill>
                    <a:schemeClr val="tx1">
                      <a:lumMod val="65000"/>
                      <a:lumOff val="35000"/>
                    </a:schemeClr>
                  </a:solidFill>
                  <a:latin typeface="Arial" panose="020B0604020202020204" pitchFamily="34" charset="0"/>
                  <a:ea typeface="+mn-ea"/>
                  <a:cs typeface="Arial" panose="020B0604020202020204" pitchFamily="34" charset="0"/>
                </a:defRPr>
              </a:lvl4pPr>
              <a:lvl5pPr marL="2057348" indent="-228594" algn="l" defTabSz="914378" rtl="0" eaLnBrk="1" latinLnBrk="0" hangingPunct="1">
                <a:spcBef>
                  <a:spcPct val="20000"/>
                </a:spcBef>
                <a:buFont typeface="Arial" panose="020B0604020202020204" pitchFamily="34" charset="0"/>
                <a:buChar char="»"/>
                <a:defRPr sz="1800" kern="1200">
                  <a:solidFill>
                    <a:schemeClr val="tx1">
                      <a:lumMod val="65000"/>
                      <a:lumOff val="35000"/>
                    </a:schemeClr>
                  </a:solidFill>
                  <a:latin typeface="Arial" panose="020B0604020202020204" pitchFamily="34" charset="0"/>
                  <a:ea typeface="+mn-ea"/>
                  <a:cs typeface="Arial" panose="020B0604020202020204" pitchFamily="34" charset="0"/>
                </a:defRPr>
              </a:lvl5pPr>
              <a:lvl6pPr marL="2514537"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1726"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8915"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6103"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a:lstStyle>
            <a:p>
              <a:pPr marL="342900" indent="-342900"/>
              <a:endParaRPr lang="en-AU" sz="1800" i="1"/>
            </a:p>
          </p:txBody>
        </p:sp>
        <p:grpSp>
          <p:nvGrpSpPr>
            <p:cNvPr id="30" name="Group 29">
              <a:extLst>
                <a:ext uri="{FF2B5EF4-FFF2-40B4-BE49-F238E27FC236}">
                  <a16:creationId xmlns:a16="http://schemas.microsoft.com/office/drawing/2014/main" id="{338CF8DA-06F4-F59A-53F4-52D0C00291A7}"/>
                </a:ext>
              </a:extLst>
            </p:cNvPr>
            <p:cNvGrpSpPr/>
            <p:nvPr/>
          </p:nvGrpSpPr>
          <p:grpSpPr>
            <a:xfrm>
              <a:off x="4779174" y="1149764"/>
              <a:ext cx="692025" cy="749092"/>
              <a:chOff x="2129790" y="1450498"/>
              <a:chExt cx="418909" cy="418719"/>
            </a:xfrm>
          </p:grpSpPr>
          <p:sp>
            <p:nvSpPr>
              <p:cNvPr id="31" name="Graphic 256">
                <a:extLst>
                  <a:ext uri="{FF2B5EF4-FFF2-40B4-BE49-F238E27FC236}">
                    <a16:creationId xmlns:a16="http://schemas.microsoft.com/office/drawing/2014/main" id="{6AC39BE2-FEFF-94F6-87D0-67A0997174E6}"/>
                  </a:ext>
                </a:extLst>
              </p:cNvPr>
              <p:cNvSpPr/>
              <p:nvPr/>
            </p:nvSpPr>
            <p:spPr>
              <a:xfrm>
                <a:off x="2355913" y="1542986"/>
                <a:ext cx="73247" cy="80676"/>
              </a:xfrm>
              <a:custGeom>
                <a:avLst/>
                <a:gdLst>
                  <a:gd name="connsiteX0" fmla="*/ 0 w 73247"/>
                  <a:gd name="connsiteY0" fmla="*/ 0 h 80676"/>
                  <a:gd name="connsiteX1" fmla="*/ 0 w 73247"/>
                  <a:gd name="connsiteY1" fmla="*/ 80677 h 80676"/>
                  <a:gd name="connsiteX2" fmla="*/ 73247 w 73247"/>
                  <a:gd name="connsiteY2" fmla="*/ 80677 h 80676"/>
                  <a:gd name="connsiteX3" fmla="*/ 73247 w 73247"/>
                  <a:gd name="connsiteY3" fmla="*/ 60770 h 80676"/>
                  <a:gd name="connsiteX4" fmla="*/ 14002 w 73247"/>
                  <a:gd name="connsiteY4" fmla="*/ 1524 h 80676"/>
                  <a:gd name="connsiteX5" fmla="*/ 0 w 73247"/>
                  <a:gd name="connsiteY5" fmla="*/ 0 h 806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3247" h="80676">
                    <a:moveTo>
                      <a:pt x="0" y="0"/>
                    </a:moveTo>
                    <a:lnTo>
                      <a:pt x="0" y="80677"/>
                    </a:lnTo>
                    <a:lnTo>
                      <a:pt x="73247" y="80677"/>
                    </a:lnTo>
                    <a:lnTo>
                      <a:pt x="73247" y="60770"/>
                    </a:lnTo>
                    <a:lnTo>
                      <a:pt x="14002" y="1524"/>
                    </a:lnTo>
                    <a:lnTo>
                      <a:pt x="0" y="0"/>
                    </a:lnTo>
                    <a:close/>
                  </a:path>
                </a:pathLst>
              </a:custGeom>
              <a:solidFill>
                <a:srgbClr val="C7E4F1"/>
              </a:solidFill>
              <a:ln w="9525" cap="flat">
                <a:noFill/>
                <a:prstDash val="solid"/>
                <a:miter/>
              </a:ln>
            </p:spPr>
            <p:txBody>
              <a:bodyPr rtlCol="0" anchor="ctr"/>
              <a:lstStyle/>
              <a:p>
                <a:endParaRPr lang="en-AU" sz="153"/>
              </a:p>
            </p:txBody>
          </p:sp>
          <p:sp>
            <p:nvSpPr>
              <p:cNvPr id="32" name="Graphic 256">
                <a:extLst>
                  <a:ext uri="{FF2B5EF4-FFF2-40B4-BE49-F238E27FC236}">
                    <a16:creationId xmlns:a16="http://schemas.microsoft.com/office/drawing/2014/main" id="{71A61146-10C6-BFB7-3256-577067C5C77B}"/>
                  </a:ext>
                </a:extLst>
              </p:cNvPr>
              <p:cNvSpPr/>
              <p:nvPr/>
            </p:nvSpPr>
            <p:spPr>
              <a:xfrm>
                <a:off x="2457735" y="1458118"/>
                <a:ext cx="77057" cy="81057"/>
              </a:xfrm>
              <a:custGeom>
                <a:avLst/>
                <a:gdLst>
                  <a:gd name="connsiteX0" fmla="*/ 0 w 77057"/>
                  <a:gd name="connsiteY0" fmla="*/ 191 h 81057"/>
                  <a:gd name="connsiteX1" fmla="*/ 0 w 77057"/>
                  <a:gd name="connsiteY1" fmla="*/ 81058 h 81057"/>
                  <a:gd name="connsiteX2" fmla="*/ 77057 w 77057"/>
                  <a:gd name="connsiteY2" fmla="*/ 81058 h 81057"/>
                  <a:gd name="connsiteX3" fmla="*/ 77057 w 77057"/>
                  <a:gd name="connsiteY3" fmla="*/ 59912 h 81057"/>
                  <a:gd name="connsiteX4" fmla="*/ 17145 w 77057"/>
                  <a:gd name="connsiteY4" fmla="*/ 0 h 81057"/>
                  <a:gd name="connsiteX5" fmla="*/ 0 w 77057"/>
                  <a:gd name="connsiteY5" fmla="*/ 191 h 81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057" h="81057">
                    <a:moveTo>
                      <a:pt x="0" y="191"/>
                    </a:moveTo>
                    <a:lnTo>
                      <a:pt x="0" y="81058"/>
                    </a:lnTo>
                    <a:lnTo>
                      <a:pt x="77057" y="81058"/>
                    </a:lnTo>
                    <a:lnTo>
                      <a:pt x="77057" y="59912"/>
                    </a:lnTo>
                    <a:lnTo>
                      <a:pt x="17145" y="0"/>
                    </a:lnTo>
                    <a:lnTo>
                      <a:pt x="0" y="191"/>
                    </a:lnTo>
                    <a:close/>
                  </a:path>
                </a:pathLst>
              </a:custGeom>
              <a:solidFill>
                <a:srgbClr val="C7E4F1"/>
              </a:solidFill>
              <a:ln w="9525" cap="flat">
                <a:noFill/>
                <a:prstDash val="solid"/>
                <a:miter/>
              </a:ln>
            </p:spPr>
            <p:txBody>
              <a:bodyPr rtlCol="0" anchor="ctr"/>
              <a:lstStyle/>
              <a:p>
                <a:endParaRPr lang="en-AU" sz="153"/>
              </a:p>
            </p:txBody>
          </p:sp>
          <p:grpSp>
            <p:nvGrpSpPr>
              <p:cNvPr id="33" name="Group 32">
                <a:extLst>
                  <a:ext uri="{FF2B5EF4-FFF2-40B4-BE49-F238E27FC236}">
                    <a16:creationId xmlns:a16="http://schemas.microsoft.com/office/drawing/2014/main" id="{D3D21161-A4F6-9B70-8567-06B2F5403D3E}"/>
                  </a:ext>
                </a:extLst>
              </p:cNvPr>
              <p:cNvGrpSpPr/>
              <p:nvPr/>
            </p:nvGrpSpPr>
            <p:grpSpPr>
              <a:xfrm>
                <a:off x="2129790" y="1450498"/>
                <a:ext cx="418909" cy="418719"/>
                <a:chOff x="2129790" y="1450498"/>
                <a:chExt cx="418909" cy="418719"/>
              </a:xfrm>
            </p:grpSpPr>
            <p:sp>
              <p:nvSpPr>
                <p:cNvPr id="34" name="Graphic 256">
                  <a:extLst>
                    <a:ext uri="{FF2B5EF4-FFF2-40B4-BE49-F238E27FC236}">
                      <a16:creationId xmlns:a16="http://schemas.microsoft.com/office/drawing/2014/main" id="{DEAB8318-1D97-5306-4288-7A44F4C12678}"/>
                    </a:ext>
                  </a:extLst>
                </p:cNvPr>
                <p:cNvSpPr/>
                <p:nvPr/>
              </p:nvSpPr>
              <p:spPr>
                <a:xfrm>
                  <a:off x="2170271" y="1530318"/>
                  <a:ext cx="98202" cy="165068"/>
                </a:xfrm>
                <a:custGeom>
                  <a:avLst/>
                  <a:gdLst>
                    <a:gd name="connsiteX0" fmla="*/ 28575 w 98202"/>
                    <a:gd name="connsiteY0" fmla="*/ 165068 h 165068"/>
                    <a:gd name="connsiteX1" fmla="*/ 0 w 98202"/>
                    <a:gd name="connsiteY1" fmla="*/ 136493 h 165068"/>
                    <a:gd name="connsiteX2" fmla="*/ 0 w 98202"/>
                    <a:gd name="connsiteY2" fmla="*/ 49054 h 165068"/>
                    <a:gd name="connsiteX3" fmla="*/ 49054 w 98202"/>
                    <a:gd name="connsiteY3" fmla="*/ 0 h 165068"/>
                    <a:gd name="connsiteX4" fmla="*/ 98203 w 98202"/>
                    <a:gd name="connsiteY4" fmla="*/ 49149 h 165068"/>
                    <a:gd name="connsiteX5" fmla="*/ 98203 w 98202"/>
                    <a:gd name="connsiteY5" fmla="*/ 102679 h 165068"/>
                    <a:gd name="connsiteX6" fmla="*/ 89259 w 98202"/>
                    <a:gd name="connsiteY6" fmla="*/ 111640 h 165068"/>
                    <a:gd name="connsiteX7" fmla="*/ 82867 w 98202"/>
                    <a:gd name="connsiteY7" fmla="*/ 108966 h 165068"/>
                    <a:gd name="connsiteX8" fmla="*/ 80296 w 98202"/>
                    <a:gd name="connsiteY8" fmla="*/ 102679 h 165068"/>
                    <a:gd name="connsiteX9" fmla="*/ 80296 w 98202"/>
                    <a:gd name="connsiteY9" fmla="*/ 49149 h 165068"/>
                    <a:gd name="connsiteX10" fmla="*/ 50921 w 98202"/>
                    <a:gd name="connsiteY10" fmla="*/ 16328 h 165068"/>
                    <a:gd name="connsiteX11" fmla="*/ 18097 w 98202"/>
                    <a:gd name="connsiteY11" fmla="*/ 45706 h 165068"/>
                    <a:gd name="connsiteX12" fmla="*/ 18097 w 98202"/>
                    <a:gd name="connsiteY12" fmla="*/ 49149 h 165068"/>
                    <a:gd name="connsiteX13" fmla="*/ 18097 w 98202"/>
                    <a:gd name="connsiteY13" fmla="*/ 136112 h 165068"/>
                    <a:gd name="connsiteX14" fmla="*/ 30223 w 98202"/>
                    <a:gd name="connsiteY14" fmla="*/ 146179 h 165068"/>
                    <a:gd name="connsiteX15" fmla="*/ 40291 w 98202"/>
                    <a:gd name="connsiteY15" fmla="*/ 136112 h 165068"/>
                    <a:gd name="connsiteX16" fmla="*/ 40291 w 98202"/>
                    <a:gd name="connsiteY16" fmla="*/ 62484 h 165068"/>
                    <a:gd name="connsiteX17" fmla="*/ 49054 w 98202"/>
                    <a:gd name="connsiteY17" fmla="*/ 54007 h 165068"/>
                    <a:gd name="connsiteX18" fmla="*/ 55435 w 98202"/>
                    <a:gd name="connsiteY18" fmla="*/ 56674 h 165068"/>
                    <a:gd name="connsiteX19" fmla="*/ 58102 w 98202"/>
                    <a:gd name="connsiteY19" fmla="*/ 62960 h 165068"/>
                    <a:gd name="connsiteX20" fmla="*/ 58102 w 98202"/>
                    <a:gd name="connsiteY20" fmla="*/ 136493 h 165068"/>
                    <a:gd name="connsiteX21" fmla="*/ 29527 w 98202"/>
                    <a:gd name="connsiteY21" fmla="*/ 165068 h 165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8202" h="165068">
                      <a:moveTo>
                        <a:pt x="28575" y="165068"/>
                      </a:moveTo>
                      <a:cubicBezTo>
                        <a:pt x="12792" y="165068"/>
                        <a:pt x="0" y="152275"/>
                        <a:pt x="0" y="136493"/>
                      </a:cubicBezTo>
                      <a:lnTo>
                        <a:pt x="0" y="49054"/>
                      </a:lnTo>
                      <a:cubicBezTo>
                        <a:pt x="105" y="22006"/>
                        <a:pt x="22003" y="105"/>
                        <a:pt x="49054" y="0"/>
                      </a:cubicBezTo>
                      <a:cubicBezTo>
                        <a:pt x="76181" y="52"/>
                        <a:pt x="98146" y="22027"/>
                        <a:pt x="98203" y="49149"/>
                      </a:cubicBezTo>
                      <a:lnTo>
                        <a:pt x="98203" y="102679"/>
                      </a:lnTo>
                      <a:cubicBezTo>
                        <a:pt x="98203" y="107625"/>
                        <a:pt x="94202" y="111636"/>
                        <a:pt x="89259" y="111640"/>
                      </a:cubicBezTo>
                      <a:cubicBezTo>
                        <a:pt x="86858" y="111642"/>
                        <a:pt x="84553" y="110678"/>
                        <a:pt x="82867" y="108966"/>
                      </a:cubicBezTo>
                      <a:cubicBezTo>
                        <a:pt x="81182" y="107314"/>
                        <a:pt x="80248" y="105040"/>
                        <a:pt x="80296" y="102679"/>
                      </a:cubicBezTo>
                      <a:lnTo>
                        <a:pt x="80296" y="49149"/>
                      </a:lnTo>
                      <a:cubicBezTo>
                        <a:pt x="81248" y="31973"/>
                        <a:pt x="68094" y="17279"/>
                        <a:pt x="50921" y="16328"/>
                      </a:cubicBezTo>
                      <a:cubicBezTo>
                        <a:pt x="33747" y="15377"/>
                        <a:pt x="19050" y="28530"/>
                        <a:pt x="18097" y="45706"/>
                      </a:cubicBezTo>
                      <a:cubicBezTo>
                        <a:pt x="18031" y="46853"/>
                        <a:pt x="18031" y="48002"/>
                        <a:pt x="18097" y="49149"/>
                      </a:cubicBezTo>
                      <a:lnTo>
                        <a:pt x="18097" y="136112"/>
                      </a:lnTo>
                      <a:cubicBezTo>
                        <a:pt x="18669" y="142241"/>
                        <a:pt x="24098" y="146748"/>
                        <a:pt x="30223" y="146179"/>
                      </a:cubicBezTo>
                      <a:cubicBezTo>
                        <a:pt x="35566" y="145684"/>
                        <a:pt x="39795" y="141454"/>
                        <a:pt x="40291" y="136112"/>
                      </a:cubicBezTo>
                      <a:lnTo>
                        <a:pt x="40291" y="62484"/>
                      </a:lnTo>
                      <a:cubicBezTo>
                        <a:pt x="40538" y="57799"/>
                        <a:pt x="44367" y="54100"/>
                        <a:pt x="49054" y="54007"/>
                      </a:cubicBezTo>
                      <a:cubicBezTo>
                        <a:pt x="51454" y="53994"/>
                        <a:pt x="53759" y="54956"/>
                        <a:pt x="55435" y="56674"/>
                      </a:cubicBezTo>
                      <a:cubicBezTo>
                        <a:pt x="57150" y="58316"/>
                        <a:pt x="58112" y="60589"/>
                        <a:pt x="58102" y="62960"/>
                      </a:cubicBezTo>
                      <a:lnTo>
                        <a:pt x="58102" y="136493"/>
                      </a:lnTo>
                      <a:cubicBezTo>
                        <a:pt x="57798" y="152148"/>
                        <a:pt x="45177" y="164764"/>
                        <a:pt x="29527" y="165068"/>
                      </a:cubicBezTo>
                      <a:close/>
                    </a:path>
                  </a:pathLst>
                </a:custGeom>
                <a:solidFill>
                  <a:srgbClr val="265998"/>
                </a:solidFill>
                <a:ln w="9525" cap="flat">
                  <a:noFill/>
                  <a:prstDash val="solid"/>
                  <a:miter/>
                </a:ln>
              </p:spPr>
              <p:txBody>
                <a:bodyPr rtlCol="0" anchor="ctr"/>
                <a:lstStyle/>
                <a:p>
                  <a:endParaRPr lang="en-AU" sz="153"/>
                </a:p>
              </p:txBody>
            </p:sp>
            <p:sp>
              <p:nvSpPr>
                <p:cNvPr id="35" name="Graphic 256">
                  <a:extLst>
                    <a:ext uri="{FF2B5EF4-FFF2-40B4-BE49-F238E27FC236}">
                      <a16:creationId xmlns:a16="http://schemas.microsoft.com/office/drawing/2014/main" id="{76289915-FC30-3297-F2EB-7B6DC3F8D34F}"/>
                    </a:ext>
                  </a:extLst>
                </p:cNvPr>
                <p:cNvSpPr/>
                <p:nvPr/>
              </p:nvSpPr>
              <p:spPr>
                <a:xfrm>
                  <a:off x="2129790" y="1530318"/>
                  <a:ext cx="312038" cy="338899"/>
                </a:xfrm>
                <a:custGeom>
                  <a:avLst/>
                  <a:gdLst>
                    <a:gd name="connsiteX0" fmla="*/ 19621 w 312038"/>
                    <a:gd name="connsiteY0" fmla="*/ 338900 h 338899"/>
                    <a:gd name="connsiteX1" fmla="*/ 0 w 312038"/>
                    <a:gd name="connsiteY1" fmla="*/ 319850 h 338899"/>
                    <a:gd name="connsiteX2" fmla="*/ 0 w 312038"/>
                    <a:gd name="connsiteY2" fmla="*/ 35719 h 338899"/>
                    <a:gd name="connsiteX3" fmla="*/ 9925 w 312038"/>
                    <a:gd name="connsiteY3" fmla="*/ 27644 h 338899"/>
                    <a:gd name="connsiteX4" fmla="*/ 18002 w 312038"/>
                    <a:gd name="connsiteY4" fmla="*/ 35719 h 338899"/>
                    <a:gd name="connsiteX5" fmla="*/ 18002 w 312038"/>
                    <a:gd name="connsiteY5" fmla="*/ 316516 h 338899"/>
                    <a:gd name="connsiteX6" fmla="*/ 22546 w 312038"/>
                    <a:gd name="connsiteY6" fmla="*/ 320730 h 338899"/>
                    <a:gd name="connsiteX7" fmla="*/ 22860 w 312038"/>
                    <a:gd name="connsiteY7" fmla="*/ 320707 h 338899"/>
                    <a:gd name="connsiteX8" fmla="*/ 289560 w 312038"/>
                    <a:gd name="connsiteY8" fmla="*/ 320707 h 338899"/>
                    <a:gd name="connsiteX9" fmla="*/ 293942 w 312038"/>
                    <a:gd name="connsiteY9" fmla="*/ 316325 h 338899"/>
                    <a:gd name="connsiteX10" fmla="*/ 293942 w 312038"/>
                    <a:gd name="connsiteY10" fmla="*/ 102584 h 338899"/>
                    <a:gd name="connsiteX11" fmla="*/ 289560 w 312038"/>
                    <a:gd name="connsiteY11" fmla="*/ 98203 h 338899"/>
                    <a:gd name="connsiteX12" fmla="*/ 231553 w 312038"/>
                    <a:gd name="connsiteY12" fmla="*/ 98203 h 338899"/>
                    <a:gd name="connsiteX13" fmla="*/ 213741 w 312038"/>
                    <a:gd name="connsiteY13" fmla="*/ 80391 h 338899"/>
                    <a:gd name="connsiteX14" fmla="*/ 213741 w 312038"/>
                    <a:gd name="connsiteY14" fmla="*/ 22384 h 338899"/>
                    <a:gd name="connsiteX15" fmla="*/ 209264 w 312038"/>
                    <a:gd name="connsiteY15" fmla="*/ 18002 h 338899"/>
                    <a:gd name="connsiteX16" fmla="*/ 156210 w 312038"/>
                    <a:gd name="connsiteY16" fmla="*/ 18002 h 338899"/>
                    <a:gd name="connsiteX17" fmla="*/ 148133 w 312038"/>
                    <a:gd name="connsiteY17" fmla="*/ 8074 h 338899"/>
                    <a:gd name="connsiteX18" fmla="*/ 156210 w 312038"/>
                    <a:gd name="connsiteY18" fmla="*/ 0 h 338899"/>
                    <a:gd name="connsiteX19" fmla="*/ 236410 w 312038"/>
                    <a:gd name="connsiteY19" fmla="*/ 0 h 338899"/>
                    <a:gd name="connsiteX20" fmla="*/ 242792 w 312038"/>
                    <a:gd name="connsiteY20" fmla="*/ 2667 h 338899"/>
                    <a:gd name="connsiteX21" fmla="*/ 309467 w 312038"/>
                    <a:gd name="connsiteY21" fmla="*/ 69342 h 338899"/>
                    <a:gd name="connsiteX22" fmla="*/ 312039 w 312038"/>
                    <a:gd name="connsiteY22" fmla="*/ 75724 h 338899"/>
                    <a:gd name="connsiteX23" fmla="*/ 312039 w 312038"/>
                    <a:gd name="connsiteY23" fmla="*/ 319373 h 338899"/>
                    <a:gd name="connsiteX24" fmla="*/ 292513 w 312038"/>
                    <a:gd name="connsiteY24" fmla="*/ 338423 h 338899"/>
                    <a:gd name="connsiteX25" fmla="*/ 236315 w 312038"/>
                    <a:gd name="connsiteY25" fmla="*/ 23527 h 338899"/>
                    <a:gd name="connsiteX26" fmla="*/ 234696 w 312038"/>
                    <a:gd name="connsiteY26" fmla="*/ 23527 h 338899"/>
                    <a:gd name="connsiteX27" fmla="*/ 231934 w 312038"/>
                    <a:gd name="connsiteY27" fmla="*/ 27527 h 338899"/>
                    <a:gd name="connsiteX28" fmla="*/ 231934 w 312038"/>
                    <a:gd name="connsiteY28" fmla="*/ 75152 h 338899"/>
                    <a:gd name="connsiteX29" fmla="*/ 236315 w 312038"/>
                    <a:gd name="connsiteY29" fmla="*/ 79534 h 338899"/>
                    <a:gd name="connsiteX30" fmla="*/ 283940 w 312038"/>
                    <a:gd name="connsiteY30" fmla="*/ 79534 h 338899"/>
                    <a:gd name="connsiteX31" fmla="*/ 288322 w 312038"/>
                    <a:gd name="connsiteY31" fmla="*/ 75147 h 338899"/>
                    <a:gd name="connsiteX32" fmla="*/ 286988 w 312038"/>
                    <a:gd name="connsiteY32" fmla="*/ 72009 h 338899"/>
                    <a:gd name="connsiteX33" fmla="*/ 239363 w 312038"/>
                    <a:gd name="connsiteY33" fmla="*/ 24384 h 338899"/>
                    <a:gd name="connsiteX34" fmla="*/ 236315 w 312038"/>
                    <a:gd name="connsiteY34" fmla="*/ 23527 h 338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12038" h="338899">
                      <a:moveTo>
                        <a:pt x="19621" y="338900"/>
                      </a:moveTo>
                      <a:cubicBezTo>
                        <a:pt x="9001" y="338904"/>
                        <a:pt x="305" y="330462"/>
                        <a:pt x="0" y="319850"/>
                      </a:cubicBezTo>
                      <a:lnTo>
                        <a:pt x="0" y="35719"/>
                      </a:lnTo>
                      <a:cubicBezTo>
                        <a:pt x="514" y="30748"/>
                        <a:pt x="4953" y="27133"/>
                        <a:pt x="9925" y="27644"/>
                      </a:cubicBezTo>
                      <a:cubicBezTo>
                        <a:pt x="14192" y="28084"/>
                        <a:pt x="17564" y="31454"/>
                        <a:pt x="18002" y="35719"/>
                      </a:cubicBezTo>
                      <a:lnTo>
                        <a:pt x="18002" y="316516"/>
                      </a:lnTo>
                      <a:cubicBezTo>
                        <a:pt x="18097" y="318934"/>
                        <a:pt x="20126" y="320821"/>
                        <a:pt x="22546" y="320730"/>
                      </a:cubicBezTo>
                      <a:cubicBezTo>
                        <a:pt x="22650" y="320726"/>
                        <a:pt x="22755" y="320718"/>
                        <a:pt x="22860" y="320707"/>
                      </a:cubicBezTo>
                      <a:lnTo>
                        <a:pt x="289560" y="320707"/>
                      </a:lnTo>
                      <a:cubicBezTo>
                        <a:pt x="291979" y="320707"/>
                        <a:pt x="293942" y="318746"/>
                        <a:pt x="293942" y="316325"/>
                      </a:cubicBezTo>
                      <a:lnTo>
                        <a:pt x="293942" y="102584"/>
                      </a:lnTo>
                      <a:cubicBezTo>
                        <a:pt x="293894" y="100186"/>
                        <a:pt x="291960" y="98253"/>
                        <a:pt x="289560" y="98203"/>
                      </a:cubicBezTo>
                      <a:lnTo>
                        <a:pt x="231553" y="98203"/>
                      </a:lnTo>
                      <a:cubicBezTo>
                        <a:pt x="221713" y="98203"/>
                        <a:pt x="213741" y="90228"/>
                        <a:pt x="213741" y="80391"/>
                      </a:cubicBezTo>
                      <a:lnTo>
                        <a:pt x="213741" y="22384"/>
                      </a:lnTo>
                      <a:cubicBezTo>
                        <a:pt x="213693" y="19948"/>
                        <a:pt x="211703" y="18001"/>
                        <a:pt x="209264" y="18002"/>
                      </a:cubicBezTo>
                      <a:lnTo>
                        <a:pt x="156210" y="18002"/>
                      </a:lnTo>
                      <a:cubicBezTo>
                        <a:pt x="151238" y="17490"/>
                        <a:pt x="147628" y="13045"/>
                        <a:pt x="148133" y="8074"/>
                      </a:cubicBezTo>
                      <a:cubicBezTo>
                        <a:pt x="148571" y="3810"/>
                        <a:pt x="151943" y="439"/>
                        <a:pt x="156210" y="0"/>
                      </a:cubicBezTo>
                      <a:lnTo>
                        <a:pt x="236410" y="0"/>
                      </a:lnTo>
                      <a:cubicBezTo>
                        <a:pt x="238801" y="58"/>
                        <a:pt x="241078" y="1010"/>
                        <a:pt x="242792" y="2667"/>
                      </a:cubicBezTo>
                      <a:lnTo>
                        <a:pt x="309467" y="69342"/>
                      </a:lnTo>
                      <a:cubicBezTo>
                        <a:pt x="311086" y="71075"/>
                        <a:pt x="312010" y="73350"/>
                        <a:pt x="312039" y="75724"/>
                      </a:cubicBezTo>
                      <a:lnTo>
                        <a:pt x="312039" y="319373"/>
                      </a:lnTo>
                      <a:cubicBezTo>
                        <a:pt x="311782" y="329971"/>
                        <a:pt x="303114" y="338426"/>
                        <a:pt x="292513" y="338423"/>
                      </a:cubicBezTo>
                      <a:close/>
                      <a:moveTo>
                        <a:pt x="236315" y="23527"/>
                      </a:moveTo>
                      <a:cubicBezTo>
                        <a:pt x="235782" y="23386"/>
                        <a:pt x="235229" y="23386"/>
                        <a:pt x="234696" y="23527"/>
                      </a:cubicBezTo>
                      <a:cubicBezTo>
                        <a:pt x="233020" y="24135"/>
                        <a:pt x="231905" y="25741"/>
                        <a:pt x="231934" y="27527"/>
                      </a:cubicBezTo>
                      <a:lnTo>
                        <a:pt x="231934" y="75152"/>
                      </a:lnTo>
                      <a:cubicBezTo>
                        <a:pt x="231981" y="77551"/>
                        <a:pt x="233915" y="79483"/>
                        <a:pt x="236315" y="79534"/>
                      </a:cubicBezTo>
                      <a:lnTo>
                        <a:pt x="283940" y="79534"/>
                      </a:lnTo>
                      <a:cubicBezTo>
                        <a:pt x="286360" y="79531"/>
                        <a:pt x="288322" y="77568"/>
                        <a:pt x="288322" y="75147"/>
                      </a:cubicBezTo>
                      <a:cubicBezTo>
                        <a:pt x="288312" y="73965"/>
                        <a:pt x="287836" y="72833"/>
                        <a:pt x="286988" y="72009"/>
                      </a:cubicBezTo>
                      <a:lnTo>
                        <a:pt x="239363" y="24384"/>
                      </a:lnTo>
                      <a:cubicBezTo>
                        <a:pt x="238487" y="23736"/>
                        <a:pt x="237401" y="23431"/>
                        <a:pt x="236315" y="23527"/>
                      </a:cubicBezTo>
                      <a:close/>
                    </a:path>
                  </a:pathLst>
                </a:custGeom>
                <a:solidFill>
                  <a:srgbClr val="265998"/>
                </a:solidFill>
                <a:ln w="9525" cap="flat">
                  <a:noFill/>
                  <a:prstDash val="solid"/>
                  <a:miter/>
                </a:ln>
              </p:spPr>
              <p:txBody>
                <a:bodyPr rtlCol="0" anchor="ctr"/>
                <a:lstStyle/>
                <a:p>
                  <a:endParaRPr lang="en-AU" sz="153"/>
                </a:p>
              </p:txBody>
            </p:sp>
            <p:sp>
              <p:nvSpPr>
                <p:cNvPr id="36" name="Graphic 256">
                  <a:extLst>
                    <a:ext uri="{FF2B5EF4-FFF2-40B4-BE49-F238E27FC236}">
                      <a16:creationId xmlns:a16="http://schemas.microsoft.com/office/drawing/2014/main" id="{64FC16C6-6617-27EF-DB43-66D037215D31}"/>
                    </a:ext>
                  </a:extLst>
                </p:cNvPr>
                <p:cNvSpPr/>
                <p:nvPr/>
              </p:nvSpPr>
              <p:spPr>
                <a:xfrm>
                  <a:off x="2223370" y="1450498"/>
                  <a:ext cx="325329" cy="338566"/>
                </a:xfrm>
                <a:custGeom>
                  <a:avLst/>
                  <a:gdLst>
                    <a:gd name="connsiteX0" fmla="*/ 263131 w 325329"/>
                    <a:gd name="connsiteY0" fmla="*/ 338518 h 338566"/>
                    <a:gd name="connsiteX1" fmla="*/ 253205 w 325329"/>
                    <a:gd name="connsiteY1" fmla="*/ 330444 h 338566"/>
                    <a:gd name="connsiteX2" fmla="*/ 261273 w 325329"/>
                    <a:gd name="connsiteY2" fmla="*/ 320516 h 338566"/>
                    <a:gd name="connsiteX3" fmla="*/ 263131 w 325329"/>
                    <a:gd name="connsiteY3" fmla="*/ 320516 h 338566"/>
                    <a:gd name="connsiteX4" fmla="*/ 303231 w 325329"/>
                    <a:gd name="connsiteY4" fmla="*/ 320516 h 338566"/>
                    <a:gd name="connsiteX5" fmla="*/ 307612 w 325329"/>
                    <a:gd name="connsiteY5" fmla="*/ 316135 h 338566"/>
                    <a:gd name="connsiteX6" fmla="*/ 307612 w 325329"/>
                    <a:gd name="connsiteY6" fmla="*/ 102203 h 338566"/>
                    <a:gd name="connsiteX7" fmla="*/ 303231 w 325329"/>
                    <a:gd name="connsiteY7" fmla="*/ 97822 h 338566"/>
                    <a:gd name="connsiteX8" fmla="*/ 245223 w 325329"/>
                    <a:gd name="connsiteY8" fmla="*/ 97822 h 338566"/>
                    <a:gd name="connsiteX9" fmla="*/ 227412 w 325329"/>
                    <a:gd name="connsiteY9" fmla="*/ 80010 h 338566"/>
                    <a:gd name="connsiteX10" fmla="*/ 227412 w 325329"/>
                    <a:gd name="connsiteY10" fmla="*/ 22003 h 338566"/>
                    <a:gd name="connsiteX11" fmla="*/ 223030 w 325329"/>
                    <a:gd name="connsiteY11" fmla="*/ 17621 h 338566"/>
                    <a:gd name="connsiteX12" fmla="*/ 22434 w 325329"/>
                    <a:gd name="connsiteY12" fmla="*/ 17621 h 338566"/>
                    <a:gd name="connsiteX13" fmla="*/ 18052 w 325329"/>
                    <a:gd name="connsiteY13" fmla="*/ 21810 h 338566"/>
                    <a:gd name="connsiteX14" fmla="*/ 18052 w 325329"/>
                    <a:gd name="connsiteY14" fmla="*/ 22003 h 338566"/>
                    <a:gd name="connsiteX15" fmla="*/ 18052 w 325329"/>
                    <a:gd name="connsiteY15" fmla="*/ 48673 h 338566"/>
                    <a:gd name="connsiteX16" fmla="*/ 9975 w 325329"/>
                    <a:gd name="connsiteY16" fmla="*/ 58601 h 338566"/>
                    <a:gd name="connsiteX17" fmla="*/ 50 w 325329"/>
                    <a:gd name="connsiteY17" fmla="*/ 50527 h 338566"/>
                    <a:gd name="connsiteX18" fmla="*/ 50 w 325329"/>
                    <a:gd name="connsiteY18" fmla="*/ 48673 h 338566"/>
                    <a:gd name="connsiteX19" fmla="*/ 50 w 325329"/>
                    <a:gd name="connsiteY19" fmla="*/ 19526 h 338566"/>
                    <a:gd name="connsiteX20" fmla="*/ 19576 w 325329"/>
                    <a:gd name="connsiteY20" fmla="*/ 0 h 338566"/>
                    <a:gd name="connsiteX21" fmla="*/ 19672 w 325329"/>
                    <a:gd name="connsiteY21" fmla="*/ 0 h 338566"/>
                    <a:gd name="connsiteX22" fmla="*/ 249700 w 325329"/>
                    <a:gd name="connsiteY22" fmla="*/ 0 h 338566"/>
                    <a:gd name="connsiteX23" fmla="*/ 256082 w 325329"/>
                    <a:gd name="connsiteY23" fmla="*/ 2667 h 338566"/>
                    <a:gd name="connsiteX24" fmla="*/ 322757 w 325329"/>
                    <a:gd name="connsiteY24" fmla="*/ 69342 h 338566"/>
                    <a:gd name="connsiteX25" fmla="*/ 325329 w 325329"/>
                    <a:gd name="connsiteY25" fmla="*/ 75628 h 338566"/>
                    <a:gd name="connsiteX26" fmla="*/ 325329 w 325329"/>
                    <a:gd name="connsiteY26" fmla="*/ 318897 h 338566"/>
                    <a:gd name="connsiteX27" fmla="*/ 306279 w 325329"/>
                    <a:gd name="connsiteY27" fmla="*/ 338518 h 338566"/>
                    <a:gd name="connsiteX28" fmla="*/ 249700 w 325329"/>
                    <a:gd name="connsiteY28" fmla="*/ 23146 h 338566"/>
                    <a:gd name="connsiteX29" fmla="*/ 248081 w 325329"/>
                    <a:gd name="connsiteY29" fmla="*/ 23146 h 338566"/>
                    <a:gd name="connsiteX30" fmla="*/ 245319 w 325329"/>
                    <a:gd name="connsiteY30" fmla="*/ 27242 h 338566"/>
                    <a:gd name="connsiteX31" fmla="*/ 245319 w 325329"/>
                    <a:gd name="connsiteY31" fmla="*/ 74867 h 338566"/>
                    <a:gd name="connsiteX32" fmla="*/ 249700 w 325329"/>
                    <a:gd name="connsiteY32" fmla="*/ 79248 h 338566"/>
                    <a:gd name="connsiteX33" fmla="*/ 297325 w 325329"/>
                    <a:gd name="connsiteY33" fmla="*/ 79248 h 338566"/>
                    <a:gd name="connsiteX34" fmla="*/ 301326 w 325329"/>
                    <a:gd name="connsiteY34" fmla="*/ 76581 h 338566"/>
                    <a:gd name="connsiteX35" fmla="*/ 300373 w 325329"/>
                    <a:gd name="connsiteY35" fmla="*/ 71819 h 338566"/>
                    <a:gd name="connsiteX36" fmla="*/ 252748 w 325329"/>
                    <a:gd name="connsiteY36" fmla="*/ 24194 h 338566"/>
                    <a:gd name="connsiteX37" fmla="*/ 249700 w 325329"/>
                    <a:gd name="connsiteY37" fmla="*/ 23146 h 3385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325329" h="338566">
                      <a:moveTo>
                        <a:pt x="263131" y="338518"/>
                      </a:moveTo>
                      <a:cubicBezTo>
                        <a:pt x="258158" y="339031"/>
                        <a:pt x="253710" y="335415"/>
                        <a:pt x="253205" y="330444"/>
                      </a:cubicBezTo>
                      <a:cubicBezTo>
                        <a:pt x="252691" y="325473"/>
                        <a:pt x="256301" y="321029"/>
                        <a:pt x="261273" y="320516"/>
                      </a:cubicBezTo>
                      <a:cubicBezTo>
                        <a:pt x="261892" y="320452"/>
                        <a:pt x="262511" y="320452"/>
                        <a:pt x="263131" y="320516"/>
                      </a:cubicBezTo>
                      <a:lnTo>
                        <a:pt x="303231" y="320516"/>
                      </a:lnTo>
                      <a:cubicBezTo>
                        <a:pt x="305650" y="320516"/>
                        <a:pt x="307612" y="318555"/>
                        <a:pt x="307612" y="316135"/>
                      </a:cubicBezTo>
                      <a:lnTo>
                        <a:pt x="307612" y="102203"/>
                      </a:lnTo>
                      <a:cubicBezTo>
                        <a:pt x="307565" y="99805"/>
                        <a:pt x="305631" y="97872"/>
                        <a:pt x="303231" y="97822"/>
                      </a:cubicBezTo>
                      <a:lnTo>
                        <a:pt x="245223" y="97822"/>
                      </a:lnTo>
                      <a:cubicBezTo>
                        <a:pt x="235384" y="97822"/>
                        <a:pt x="227412" y="89847"/>
                        <a:pt x="227412" y="80010"/>
                      </a:cubicBezTo>
                      <a:lnTo>
                        <a:pt x="227412" y="22003"/>
                      </a:lnTo>
                      <a:cubicBezTo>
                        <a:pt x="227412" y="19582"/>
                        <a:pt x="225450" y="17621"/>
                        <a:pt x="223030" y="17621"/>
                      </a:cubicBezTo>
                      <a:lnTo>
                        <a:pt x="22434" y="17621"/>
                      </a:lnTo>
                      <a:cubicBezTo>
                        <a:pt x="20072" y="17568"/>
                        <a:pt x="18109" y="19443"/>
                        <a:pt x="18052" y="21810"/>
                      </a:cubicBezTo>
                      <a:cubicBezTo>
                        <a:pt x="18052" y="21874"/>
                        <a:pt x="18052" y="21939"/>
                        <a:pt x="18052" y="22003"/>
                      </a:cubicBezTo>
                      <a:lnTo>
                        <a:pt x="18052" y="48673"/>
                      </a:lnTo>
                      <a:cubicBezTo>
                        <a:pt x="18567" y="53644"/>
                        <a:pt x="14947" y="58089"/>
                        <a:pt x="9975" y="58601"/>
                      </a:cubicBezTo>
                      <a:cubicBezTo>
                        <a:pt x="5003" y="59113"/>
                        <a:pt x="564" y="55498"/>
                        <a:pt x="50" y="50527"/>
                      </a:cubicBezTo>
                      <a:cubicBezTo>
                        <a:pt x="-17" y="49911"/>
                        <a:pt x="-17" y="49289"/>
                        <a:pt x="50" y="48673"/>
                      </a:cubicBezTo>
                      <a:lnTo>
                        <a:pt x="50" y="19526"/>
                      </a:lnTo>
                      <a:cubicBezTo>
                        <a:pt x="50" y="8742"/>
                        <a:pt x="8794" y="0"/>
                        <a:pt x="19576" y="0"/>
                      </a:cubicBezTo>
                      <a:cubicBezTo>
                        <a:pt x="19605" y="0"/>
                        <a:pt x="19643" y="0"/>
                        <a:pt x="19672" y="0"/>
                      </a:cubicBezTo>
                      <a:lnTo>
                        <a:pt x="249700" y="0"/>
                      </a:lnTo>
                      <a:cubicBezTo>
                        <a:pt x="252091" y="58"/>
                        <a:pt x="254368" y="1010"/>
                        <a:pt x="256082" y="2667"/>
                      </a:cubicBezTo>
                      <a:lnTo>
                        <a:pt x="322757" y="69342"/>
                      </a:lnTo>
                      <a:cubicBezTo>
                        <a:pt x="324405" y="71018"/>
                        <a:pt x="325329" y="73277"/>
                        <a:pt x="325329" y="75628"/>
                      </a:cubicBezTo>
                      <a:lnTo>
                        <a:pt x="325329" y="318897"/>
                      </a:lnTo>
                      <a:cubicBezTo>
                        <a:pt x="325386" y="329535"/>
                        <a:pt x="316918" y="338259"/>
                        <a:pt x="306279" y="338518"/>
                      </a:cubicBezTo>
                      <a:close/>
                      <a:moveTo>
                        <a:pt x="249700" y="23146"/>
                      </a:moveTo>
                      <a:cubicBezTo>
                        <a:pt x="249167" y="23048"/>
                        <a:pt x="248614" y="23048"/>
                        <a:pt x="248081" y="23146"/>
                      </a:cubicBezTo>
                      <a:cubicBezTo>
                        <a:pt x="246405" y="23813"/>
                        <a:pt x="245309" y="25437"/>
                        <a:pt x="245319" y="27242"/>
                      </a:cubicBezTo>
                      <a:lnTo>
                        <a:pt x="245319" y="74867"/>
                      </a:lnTo>
                      <a:cubicBezTo>
                        <a:pt x="245319" y="77287"/>
                        <a:pt x="247281" y="79248"/>
                        <a:pt x="249700" y="79248"/>
                      </a:cubicBezTo>
                      <a:lnTo>
                        <a:pt x="297325" y="79248"/>
                      </a:lnTo>
                      <a:cubicBezTo>
                        <a:pt x="299068" y="79236"/>
                        <a:pt x="300640" y="78188"/>
                        <a:pt x="301326" y="76581"/>
                      </a:cubicBezTo>
                      <a:cubicBezTo>
                        <a:pt x="302002" y="74947"/>
                        <a:pt x="301621" y="73069"/>
                        <a:pt x="300373" y="71819"/>
                      </a:cubicBezTo>
                      <a:lnTo>
                        <a:pt x="252748" y="24194"/>
                      </a:lnTo>
                      <a:cubicBezTo>
                        <a:pt x="251901" y="23470"/>
                        <a:pt x="250815" y="23095"/>
                        <a:pt x="249700" y="23146"/>
                      </a:cubicBezTo>
                      <a:close/>
                    </a:path>
                  </a:pathLst>
                </a:custGeom>
                <a:solidFill>
                  <a:srgbClr val="265998"/>
                </a:solidFill>
                <a:ln w="9525" cap="flat">
                  <a:noFill/>
                  <a:prstDash val="solid"/>
                  <a:miter/>
                </a:ln>
              </p:spPr>
              <p:txBody>
                <a:bodyPr rtlCol="0" anchor="ctr"/>
                <a:lstStyle/>
                <a:p>
                  <a:endParaRPr lang="en-AU" sz="153"/>
                </a:p>
              </p:txBody>
            </p:sp>
            <p:sp>
              <p:nvSpPr>
                <p:cNvPr id="37" name="Graphic 256">
                  <a:extLst>
                    <a:ext uri="{FF2B5EF4-FFF2-40B4-BE49-F238E27FC236}">
                      <a16:creationId xmlns:a16="http://schemas.microsoft.com/office/drawing/2014/main" id="{1E43F951-70B4-C202-226E-213264A32A77}"/>
                    </a:ext>
                  </a:extLst>
                </p:cNvPr>
                <p:cNvSpPr/>
                <p:nvPr/>
              </p:nvSpPr>
              <p:spPr>
                <a:xfrm>
                  <a:off x="2251015" y="1677335"/>
                  <a:ext cx="98298" cy="18098"/>
                </a:xfrm>
                <a:custGeom>
                  <a:avLst/>
                  <a:gdLst>
                    <a:gd name="connsiteX0" fmla="*/ 8124 w 98298"/>
                    <a:gd name="connsiteY0" fmla="*/ 18051 h 18098"/>
                    <a:gd name="connsiteX1" fmla="*/ 47 w 98298"/>
                    <a:gd name="connsiteY1" fmla="*/ 8123 h 18098"/>
                    <a:gd name="connsiteX2" fmla="*/ 8124 w 98298"/>
                    <a:gd name="connsiteY2" fmla="*/ 48 h 18098"/>
                    <a:gd name="connsiteX3" fmla="*/ 88325 w 98298"/>
                    <a:gd name="connsiteY3" fmla="*/ 48 h 18098"/>
                    <a:gd name="connsiteX4" fmla="*/ 98250 w 98298"/>
                    <a:gd name="connsiteY4" fmla="*/ 8123 h 18098"/>
                    <a:gd name="connsiteX5" fmla="*/ 90182 w 98298"/>
                    <a:gd name="connsiteY5" fmla="*/ 18051 h 18098"/>
                    <a:gd name="connsiteX6" fmla="*/ 88325 w 98298"/>
                    <a:gd name="connsiteY6" fmla="*/ 18051 h 180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8298" h="18098">
                      <a:moveTo>
                        <a:pt x="8124" y="18051"/>
                      </a:moveTo>
                      <a:cubicBezTo>
                        <a:pt x="3152" y="17538"/>
                        <a:pt x="-458" y="13094"/>
                        <a:pt x="47" y="8123"/>
                      </a:cubicBezTo>
                      <a:cubicBezTo>
                        <a:pt x="485" y="3858"/>
                        <a:pt x="3857" y="488"/>
                        <a:pt x="8124" y="48"/>
                      </a:cubicBezTo>
                      <a:lnTo>
                        <a:pt x="88325" y="48"/>
                      </a:lnTo>
                      <a:cubicBezTo>
                        <a:pt x="93297" y="-464"/>
                        <a:pt x="97745" y="3151"/>
                        <a:pt x="98250" y="8123"/>
                      </a:cubicBezTo>
                      <a:cubicBezTo>
                        <a:pt x="98764" y="13094"/>
                        <a:pt x="95154" y="17538"/>
                        <a:pt x="90182" y="18051"/>
                      </a:cubicBezTo>
                      <a:cubicBezTo>
                        <a:pt x="89563" y="18115"/>
                        <a:pt x="88944" y="18115"/>
                        <a:pt x="88325" y="18051"/>
                      </a:cubicBezTo>
                      <a:close/>
                    </a:path>
                  </a:pathLst>
                </a:custGeom>
                <a:solidFill>
                  <a:srgbClr val="265998"/>
                </a:solidFill>
                <a:ln w="9525" cap="flat">
                  <a:noFill/>
                  <a:prstDash val="solid"/>
                  <a:miter/>
                </a:ln>
              </p:spPr>
              <p:txBody>
                <a:bodyPr rtlCol="0" anchor="ctr"/>
                <a:lstStyle/>
                <a:p>
                  <a:endParaRPr lang="en-AU" sz="153"/>
                </a:p>
              </p:txBody>
            </p:sp>
            <p:sp>
              <p:nvSpPr>
                <p:cNvPr id="38" name="Graphic 256">
                  <a:extLst>
                    <a:ext uri="{FF2B5EF4-FFF2-40B4-BE49-F238E27FC236}">
                      <a16:creationId xmlns:a16="http://schemas.microsoft.com/office/drawing/2014/main" id="{CE707AA4-C800-14B8-7D31-32BFA6D0F9D5}"/>
                    </a:ext>
                  </a:extLst>
                </p:cNvPr>
                <p:cNvSpPr/>
                <p:nvPr/>
              </p:nvSpPr>
              <p:spPr>
                <a:xfrm>
                  <a:off x="2195730" y="1730866"/>
                  <a:ext cx="180348" cy="18099"/>
                </a:xfrm>
                <a:custGeom>
                  <a:avLst/>
                  <a:gdLst>
                    <a:gd name="connsiteX0" fmla="*/ 9974 w 180348"/>
                    <a:gd name="connsiteY0" fmla="*/ 18051 h 18099"/>
                    <a:gd name="connsiteX1" fmla="*/ 49 w 180348"/>
                    <a:gd name="connsiteY1" fmla="*/ 9976 h 18099"/>
                    <a:gd name="connsiteX2" fmla="*/ 8116 w 180348"/>
                    <a:gd name="connsiteY2" fmla="*/ 48 h 18099"/>
                    <a:gd name="connsiteX3" fmla="*/ 9974 w 180348"/>
                    <a:gd name="connsiteY3" fmla="*/ 48 h 18099"/>
                    <a:gd name="connsiteX4" fmla="*/ 170375 w 180348"/>
                    <a:gd name="connsiteY4" fmla="*/ 48 h 18099"/>
                    <a:gd name="connsiteX5" fmla="*/ 180300 w 180348"/>
                    <a:gd name="connsiteY5" fmla="*/ 8123 h 18099"/>
                    <a:gd name="connsiteX6" fmla="*/ 172232 w 180348"/>
                    <a:gd name="connsiteY6" fmla="*/ 18051 h 18099"/>
                    <a:gd name="connsiteX7" fmla="*/ 170375 w 180348"/>
                    <a:gd name="connsiteY7" fmla="*/ 18051 h 180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348" h="18099">
                      <a:moveTo>
                        <a:pt x="9974" y="18051"/>
                      </a:moveTo>
                      <a:cubicBezTo>
                        <a:pt x="5002" y="18563"/>
                        <a:pt x="554" y="14947"/>
                        <a:pt x="49" y="9976"/>
                      </a:cubicBezTo>
                      <a:cubicBezTo>
                        <a:pt x="-466" y="5005"/>
                        <a:pt x="3144" y="561"/>
                        <a:pt x="8116" y="48"/>
                      </a:cubicBezTo>
                      <a:cubicBezTo>
                        <a:pt x="8736" y="-15"/>
                        <a:pt x="9355" y="-15"/>
                        <a:pt x="9974" y="48"/>
                      </a:cubicBezTo>
                      <a:lnTo>
                        <a:pt x="170375" y="48"/>
                      </a:lnTo>
                      <a:cubicBezTo>
                        <a:pt x="175347" y="-464"/>
                        <a:pt x="179795" y="3152"/>
                        <a:pt x="180300" y="8123"/>
                      </a:cubicBezTo>
                      <a:cubicBezTo>
                        <a:pt x="180814" y="13094"/>
                        <a:pt x="177204" y="17538"/>
                        <a:pt x="172232" y="18051"/>
                      </a:cubicBezTo>
                      <a:cubicBezTo>
                        <a:pt x="171613" y="18114"/>
                        <a:pt x="170994" y="18114"/>
                        <a:pt x="170375" y="18051"/>
                      </a:cubicBezTo>
                      <a:close/>
                    </a:path>
                  </a:pathLst>
                </a:custGeom>
                <a:solidFill>
                  <a:srgbClr val="265998"/>
                </a:solidFill>
                <a:ln w="9525" cap="flat">
                  <a:noFill/>
                  <a:prstDash val="solid"/>
                  <a:miter/>
                </a:ln>
              </p:spPr>
              <p:txBody>
                <a:bodyPr rtlCol="0" anchor="ctr"/>
                <a:lstStyle/>
                <a:p>
                  <a:endParaRPr lang="en-AU" sz="153"/>
                </a:p>
              </p:txBody>
            </p:sp>
            <p:sp>
              <p:nvSpPr>
                <p:cNvPr id="39" name="Graphic 256">
                  <a:extLst>
                    <a:ext uri="{FF2B5EF4-FFF2-40B4-BE49-F238E27FC236}">
                      <a16:creationId xmlns:a16="http://schemas.microsoft.com/office/drawing/2014/main" id="{448D59D0-7574-4365-0BF0-EE830E87130F}"/>
                    </a:ext>
                  </a:extLst>
                </p:cNvPr>
                <p:cNvSpPr/>
                <p:nvPr/>
              </p:nvSpPr>
              <p:spPr>
                <a:xfrm>
                  <a:off x="2196750" y="1784445"/>
                  <a:ext cx="178308" cy="17906"/>
                </a:xfrm>
                <a:custGeom>
                  <a:avLst/>
                  <a:gdLst>
                    <a:gd name="connsiteX0" fmla="*/ 8954 w 178308"/>
                    <a:gd name="connsiteY0" fmla="*/ 17907 h 17906"/>
                    <a:gd name="connsiteX1" fmla="*/ 0 w 178308"/>
                    <a:gd name="connsiteY1" fmla="*/ 8953 h 17906"/>
                    <a:gd name="connsiteX2" fmla="*/ 8954 w 178308"/>
                    <a:gd name="connsiteY2" fmla="*/ 0 h 17906"/>
                    <a:gd name="connsiteX3" fmla="*/ 169354 w 178308"/>
                    <a:gd name="connsiteY3" fmla="*/ 0 h 17906"/>
                    <a:gd name="connsiteX4" fmla="*/ 178308 w 178308"/>
                    <a:gd name="connsiteY4" fmla="*/ 8953 h 17906"/>
                    <a:gd name="connsiteX5" fmla="*/ 169354 w 178308"/>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8308" h="17906">
                      <a:moveTo>
                        <a:pt x="8954" y="17907"/>
                      </a:moveTo>
                      <a:cubicBezTo>
                        <a:pt x="4010" y="17907"/>
                        <a:pt x="0" y="13898"/>
                        <a:pt x="0" y="8953"/>
                      </a:cubicBezTo>
                      <a:cubicBezTo>
                        <a:pt x="0" y="4008"/>
                        <a:pt x="4010" y="0"/>
                        <a:pt x="8954" y="0"/>
                      </a:cubicBezTo>
                      <a:lnTo>
                        <a:pt x="169354" y="0"/>
                      </a:lnTo>
                      <a:cubicBezTo>
                        <a:pt x="174298" y="0"/>
                        <a:pt x="178308" y="4009"/>
                        <a:pt x="178308" y="8953"/>
                      </a:cubicBezTo>
                      <a:cubicBezTo>
                        <a:pt x="178308" y="13899"/>
                        <a:pt x="174298" y="17907"/>
                        <a:pt x="169354" y="17907"/>
                      </a:cubicBezTo>
                      <a:close/>
                    </a:path>
                  </a:pathLst>
                </a:custGeom>
                <a:solidFill>
                  <a:srgbClr val="265998"/>
                </a:solidFill>
                <a:ln w="9525" cap="flat">
                  <a:noFill/>
                  <a:prstDash val="solid"/>
                  <a:miter/>
                </a:ln>
              </p:spPr>
              <p:txBody>
                <a:bodyPr rtlCol="0" anchor="ctr"/>
                <a:lstStyle/>
                <a:p>
                  <a:endParaRPr lang="en-AU" sz="153"/>
                </a:p>
              </p:txBody>
            </p:sp>
          </p:grpSp>
        </p:grpSp>
        <p:grpSp>
          <p:nvGrpSpPr>
            <p:cNvPr id="47" name="Group 46">
              <a:extLst>
                <a:ext uri="{FF2B5EF4-FFF2-40B4-BE49-F238E27FC236}">
                  <a16:creationId xmlns:a16="http://schemas.microsoft.com/office/drawing/2014/main" id="{382EA9C1-F843-33DA-3B05-F2E49BEF52F1}"/>
                </a:ext>
              </a:extLst>
            </p:cNvPr>
            <p:cNvGrpSpPr/>
            <p:nvPr/>
          </p:nvGrpSpPr>
          <p:grpSpPr>
            <a:xfrm>
              <a:off x="530772" y="1091579"/>
              <a:ext cx="480660" cy="749091"/>
              <a:chOff x="3837813" y="2870200"/>
              <a:chExt cx="286511" cy="453104"/>
            </a:xfrm>
          </p:grpSpPr>
          <p:sp>
            <p:nvSpPr>
              <p:cNvPr id="48" name="Freeform: Shape 47">
                <a:extLst>
                  <a:ext uri="{FF2B5EF4-FFF2-40B4-BE49-F238E27FC236}">
                    <a16:creationId xmlns:a16="http://schemas.microsoft.com/office/drawing/2014/main" id="{AA2FE2FF-2A33-DC96-F190-FF974DC388DF}"/>
                  </a:ext>
                </a:extLst>
              </p:cNvPr>
              <p:cNvSpPr/>
              <p:nvPr/>
            </p:nvSpPr>
            <p:spPr>
              <a:xfrm>
                <a:off x="3846957" y="3266154"/>
                <a:ext cx="261842" cy="44100"/>
              </a:xfrm>
              <a:custGeom>
                <a:avLst/>
                <a:gdLst>
                  <a:gd name="connsiteX0" fmla="*/ 0 w 261842"/>
                  <a:gd name="connsiteY0" fmla="*/ 0 h 44100"/>
                  <a:gd name="connsiteX1" fmla="*/ 261842 w 261842"/>
                  <a:gd name="connsiteY1" fmla="*/ 0 h 44100"/>
                  <a:gd name="connsiteX2" fmla="*/ 261842 w 261842"/>
                  <a:gd name="connsiteY2" fmla="*/ 44101 h 44100"/>
                  <a:gd name="connsiteX3" fmla="*/ 0 w 261842"/>
                  <a:gd name="connsiteY3" fmla="*/ 44101 h 44100"/>
                </a:gdLst>
                <a:ahLst/>
                <a:cxnLst>
                  <a:cxn ang="0">
                    <a:pos x="connsiteX0" y="connsiteY0"/>
                  </a:cxn>
                  <a:cxn ang="0">
                    <a:pos x="connsiteX1" y="connsiteY1"/>
                  </a:cxn>
                  <a:cxn ang="0">
                    <a:pos x="connsiteX2" y="connsiteY2"/>
                  </a:cxn>
                  <a:cxn ang="0">
                    <a:pos x="connsiteX3" y="connsiteY3"/>
                  </a:cxn>
                </a:cxnLst>
                <a:rect l="l" t="t" r="r" b="b"/>
                <a:pathLst>
                  <a:path w="261842" h="44100">
                    <a:moveTo>
                      <a:pt x="0" y="0"/>
                    </a:moveTo>
                    <a:lnTo>
                      <a:pt x="261842" y="0"/>
                    </a:lnTo>
                    <a:lnTo>
                      <a:pt x="261842" y="44101"/>
                    </a:lnTo>
                    <a:lnTo>
                      <a:pt x="0" y="44101"/>
                    </a:lnTo>
                    <a:close/>
                  </a:path>
                </a:pathLst>
              </a:custGeom>
              <a:solidFill>
                <a:srgbClr val="66B9DA"/>
              </a:solidFill>
              <a:ln w="9525" cap="flat">
                <a:noFill/>
                <a:prstDash val="solid"/>
                <a:miter/>
              </a:ln>
            </p:spPr>
            <p:txBody>
              <a:bodyPr rtlCol="0" anchor="ctr"/>
              <a:lstStyle/>
              <a:p>
                <a:endParaRPr lang="en-AU" sz="153"/>
              </a:p>
            </p:txBody>
          </p:sp>
          <p:sp>
            <p:nvSpPr>
              <p:cNvPr id="49" name="Freeform: Shape 48">
                <a:extLst>
                  <a:ext uri="{FF2B5EF4-FFF2-40B4-BE49-F238E27FC236}">
                    <a16:creationId xmlns:a16="http://schemas.microsoft.com/office/drawing/2014/main" id="{7FC5D6B3-C594-1ED6-B453-6E9CBE585210}"/>
                  </a:ext>
                </a:extLst>
              </p:cNvPr>
              <p:cNvSpPr/>
              <p:nvPr/>
            </p:nvSpPr>
            <p:spPr>
              <a:xfrm>
                <a:off x="3845623" y="2885535"/>
                <a:ext cx="270986" cy="383095"/>
              </a:xfrm>
              <a:custGeom>
                <a:avLst/>
                <a:gdLst>
                  <a:gd name="connsiteX0" fmla="*/ 0 w 270986"/>
                  <a:gd name="connsiteY0" fmla="*/ 0 h 383095"/>
                  <a:gd name="connsiteX1" fmla="*/ 270986 w 270986"/>
                  <a:gd name="connsiteY1" fmla="*/ 0 h 383095"/>
                  <a:gd name="connsiteX2" fmla="*/ 270986 w 270986"/>
                  <a:gd name="connsiteY2" fmla="*/ 383096 h 383095"/>
                  <a:gd name="connsiteX3" fmla="*/ 0 w 270986"/>
                  <a:gd name="connsiteY3" fmla="*/ 383096 h 383095"/>
                </a:gdLst>
                <a:ahLst/>
                <a:cxnLst>
                  <a:cxn ang="0">
                    <a:pos x="connsiteX0" y="connsiteY0"/>
                  </a:cxn>
                  <a:cxn ang="0">
                    <a:pos x="connsiteX1" y="connsiteY1"/>
                  </a:cxn>
                  <a:cxn ang="0">
                    <a:pos x="connsiteX2" y="connsiteY2"/>
                  </a:cxn>
                  <a:cxn ang="0">
                    <a:pos x="connsiteX3" y="connsiteY3"/>
                  </a:cxn>
                </a:cxnLst>
                <a:rect l="l" t="t" r="r" b="b"/>
                <a:pathLst>
                  <a:path w="270986" h="383095">
                    <a:moveTo>
                      <a:pt x="0" y="0"/>
                    </a:moveTo>
                    <a:lnTo>
                      <a:pt x="270986" y="0"/>
                    </a:lnTo>
                    <a:lnTo>
                      <a:pt x="270986" y="383096"/>
                    </a:lnTo>
                    <a:lnTo>
                      <a:pt x="0" y="383096"/>
                    </a:lnTo>
                    <a:close/>
                  </a:path>
                </a:pathLst>
              </a:custGeom>
              <a:solidFill>
                <a:srgbClr val="C7E4F1"/>
              </a:solidFill>
              <a:ln w="9525" cap="flat">
                <a:noFill/>
                <a:prstDash val="solid"/>
                <a:miter/>
              </a:ln>
            </p:spPr>
            <p:txBody>
              <a:bodyPr rtlCol="0" anchor="ctr"/>
              <a:lstStyle/>
              <a:p>
                <a:endParaRPr lang="en-AU" sz="153"/>
              </a:p>
            </p:txBody>
          </p:sp>
          <p:sp>
            <p:nvSpPr>
              <p:cNvPr id="50" name="Freeform: Shape 49">
                <a:extLst>
                  <a:ext uri="{FF2B5EF4-FFF2-40B4-BE49-F238E27FC236}">
                    <a16:creationId xmlns:a16="http://schemas.microsoft.com/office/drawing/2014/main" id="{3A4E66C8-45EE-37B1-FF0C-BC6CE0F75DCB}"/>
                  </a:ext>
                </a:extLst>
              </p:cNvPr>
              <p:cNvSpPr/>
              <p:nvPr/>
            </p:nvSpPr>
            <p:spPr>
              <a:xfrm>
                <a:off x="3837813" y="2870200"/>
                <a:ext cx="286511" cy="453104"/>
              </a:xfrm>
              <a:custGeom>
                <a:avLst/>
                <a:gdLst>
                  <a:gd name="connsiteX0" fmla="*/ 259080 w 286511"/>
                  <a:gd name="connsiteY0" fmla="*/ 453104 h 453104"/>
                  <a:gd name="connsiteX1" fmla="*/ 27432 w 286511"/>
                  <a:gd name="connsiteY1" fmla="*/ 453104 h 453104"/>
                  <a:gd name="connsiteX2" fmla="*/ 0 w 286511"/>
                  <a:gd name="connsiteY2" fmla="*/ 425672 h 453104"/>
                  <a:gd name="connsiteX3" fmla="*/ 0 w 286511"/>
                  <a:gd name="connsiteY3" fmla="*/ 27242 h 453104"/>
                  <a:gd name="connsiteX4" fmla="*/ 27432 w 286511"/>
                  <a:gd name="connsiteY4" fmla="*/ 0 h 453104"/>
                  <a:gd name="connsiteX5" fmla="*/ 259080 w 286511"/>
                  <a:gd name="connsiteY5" fmla="*/ 0 h 453104"/>
                  <a:gd name="connsiteX6" fmla="*/ 286512 w 286511"/>
                  <a:gd name="connsiteY6" fmla="*/ 27432 h 453104"/>
                  <a:gd name="connsiteX7" fmla="*/ 286512 w 286511"/>
                  <a:gd name="connsiteY7" fmla="*/ 425863 h 453104"/>
                  <a:gd name="connsiteX8" fmla="*/ 259080 w 286511"/>
                  <a:gd name="connsiteY8" fmla="*/ 453104 h 453104"/>
                  <a:gd name="connsiteX9" fmla="*/ 27432 w 286511"/>
                  <a:gd name="connsiteY9" fmla="*/ 14954 h 453104"/>
                  <a:gd name="connsiteX10" fmla="*/ 15526 w 286511"/>
                  <a:gd name="connsiteY10" fmla="*/ 26861 h 453104"/>
                  <a:gd name="connsiteX11" fmla="*/ 15526 w 286511"/>
                  <a:gd name="connsiteY11" fmla="*/ 425291 h 453104"/>
                  <a:gd name="connsiteX12" fmla="*/ 27432 w 286511"/>
                  <a:gd name="connsiteY12" fmla="*/ 437197 h 453104"/>
                  <a:gd name="connsiteX13" fmla="*/ 259080 w 286511"/>
                  <a:gd name="connsiteY13" fmla="*/ 437197 h 453104"/>
                  <a:gd name="connsiteX14" fmla="*/ 270986 w 286511"/>
                  <a:gd name="connsiteY14" fmla="*/ 425291 h 453104"/>
                  <a:gd name="connsiteX15" fmla="*/ 270986 w 286511"/>
                  <a:gd name="connsiteY15" fmla="*/ 27242 h 453104"/>
                  <a:gd name="connsiteX16" fmla="*/ 259080 w 286511"/>
                  <a:gd name="connsiteY16" fmla="*/ 15335 h 4531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6511" h="453104">
                    <a:moveTo>
                      <a:pt x="259080" y="453104"/>
                    </a:moveTo>
                    <a:lnTo>
                      <a:pt x="27432" y="453104"/>
                    </a:lnTo>
                    <a:cubicBezTo>
                      <a:pt x="12278" y="453104"/>
                      <a:pt x="0" y="440827"/>
                      <a:pt x="0" y="425672"/>
                    </a:cubicBezTo>
                    <a:lnTo>
                      <a:pt x="0" y="27242"/>
                    </a:lnTo>
                    <a:cubicBezTo>
                      <a:pt x="152" y="12192"/>
                      <a:pt x="12373" y="48"/>
                      <a:pt x="27432" y="0"/>
                    </a:cubicBezTo>
                    <a:lnTo>
                      <a:pt x="259080" y="0"/>
                    </a:lnTo>
                    <a:cubicBezTo>
                      <a:pt x="274206" y="48"/>
                      <a:pt x="286464" y="12306"/>
                      <a:pt x="286512" y="27432"/>
                    </a:cubicBezTo>
                    <a:lnTo>
                      <a:pt x="286512" y="425863"/>
                    </a:lnTo>
                    <a:cubicBezTo>
                      <a:pt x="286407" y="440941"/>
                      <a:pt x="274158" y="453104"/>
                      <a:pt x="259080" y="453104"/>
                    </a:cubicBezTo>
                    <a:close/>
                    <a:moveTo>
                      <a:pt x="27432" y="14954"/>
                    </a:moveTo>
                    <a:cubicBezTo>
                      <a:pt x="20859" y="14954"/>
                      <a:pt x="15526" y="20288"/>
                      <a:pt x="15526" y="26861"/>
                    </a:cubicBezTo>
                    <a:lnTo>
                      <a:pt x="15526" y="425291"/>
                    </a:lnTo>
                    <a:cubicBezTo>
                      <a:pt x="15526" y="431863"/>
                      <a:pt x="20859" y="437197"/>
                      <a:pt x="27432" y="437197"/>
                    </a:cubicBezTo>
                    <a:lnTo>
                      <a:pt x="259080" y="437197"/>
                    </a:lnTo>
                    <a:cubicBezTo>
                      <a:pt x="265652" y="437197"/>
                      <a:pt x="270986" y="431863"/>
                      <a:pt x="270986" y="425291"/>
                    </a:cubicBezTo>
                    <a:lnTo>
                      <a:pt x="270986" y="27242"/>
                    </a:lnTo>
                    <a:cubicBezTo>
                      <a:pt x="270986" y="20669"/>
                      <a:pt x="265652" y="15335"/>
                      <a:pt x="259080" y="15335"/>
                    </a:cubicBezTo>
                    <a:close/>
                  </a:path>
                </a:pathLst>
              </a:custGeom>
              <a:solidFill>
                <a:srgbClr val="265998"/>
              </a:solidFill>
              <a:ln w="9525" cap="flat">
                <a:noFill/>
                <a:prstDash val="solid"/>
                <a:miter/>
              </a:ln>
            </p:spPr>
            <p:txBody>
              <a:bodyPr rtlCol="0" anchor="ctr"/>
              <a:lstStyle/>
              <a:p>
                <a:endParaRPr lang="en-AU" sz="153"/>
              </a:p>
            </p:txBody>
          </p:sp>
          <p:sp>
            <p:nvSpPr>
              <p:cNvPr id="51" name="Freeform: Shape 50">
                <a:extLst>
                  <a:ext uri="{FF2B5EF4-FFF2-40B4-BE49-F238E27FC236}">
                    <a16:creationId xmlns:a16="http://schemas.microsoft.com/office/drawing/2014/main" id="{23F83708-4691-8252-877F-BAE4BCD0A421}"/>
                  </a:ext>
                </a:extLst>
              </p:cNvPr>
              <p:cNvSpPr/>
              <p:nvPr/>
            </p:nvSpPr>
            <p:spPr>
              <a:xfrm>
                <a:off x="3845623" y="3253105"/>
                <a:ext cx="270986" cy="15525"/>
              </a:xfrm>
              <a:custGeom>
                <a:avLst/>
                <a:gdLst>
                  <a:gd name="connsiteX0" fmla="*/ 0 w 270986"/>
                  <a:gd name="connsiteY0" fmla="*/ 0 h 15525"/>
                  <a:gd name="connsiteX1" fmla="*/ 270986 w 270986"/>
                  <a:gd name="connsiteY1" fmla="*/ 0 h 15525"/>
                  <a:gd name="connsiteX2" fmla="*/ 270986 w 270986"/>
                  <a:gd name="connsiteY2" fmla="*/ 15526 h 15525"/>
                  <a:gd name="connsiteX3" fmla="*/ 0 w 270986"/>
                  <a:gd name="connsiteY3" fmla="*/ 15526 h 15525"/>
                </a:gdLst>
                <a:ahLst/>
                <a:cxnLst>
                  <a:cxn ang="0">
                    <a:pos x="connsiteX0" y="connsiteY0"/>
                  </a:cxn>
                  <a:cxn ang="0">
                    <a:pos x="connsiteX1" y="connsiteY1"/>
                  </a:cxn>
                  <a:cxn ang="0">
                    <a:pos x="connsiteX2" y="connsiteY2"/>
                  </a:cxn>
                  <a:cxn ang="0">
                    <a:pos x="connsiteX3" y="connsiteY3"/>
                  </a:cxn>
                </a:cxnLst>
                <a:rect l="l" t="t" r="r" b="b"/>
                <a:pathLst>
                  <a:path w="270986" h="15525">
                    <a:moveTo>
                      <a:pt x="0" y="0"/>
                    </a:moveTo>
                    <a:lnTo>
                      <a:pt x="270986" y="0"/>
                    </a:lnTo>
                    <a:lnTo>
                      <a:pt x="270986" y="15526"/>
                    </a:lnTo>
                    <a:lnTo>
                      <a:pt x="0" y="15526"/>
                    </a:lnTo>
                    <a:close/>
                  </a:path>
                </a:pathLst>
              </a:custGeom>
              <a:solidFill>
                <a:srgbClr val="265998"/>
              </a:solidFill>
              <a:ln w="9525" cap="flat">
                <a:noFill/>
                <a:prstDash val="solid"/>
                <a:miter/>
              </a:ln>
            </p:spPr>
            <p:txBody>
              <a:bodyPr rtlCol="0" anchor="ctr"/>
              <a:lstStyle/>
              <a:p>
                <a:endParaRPr lang="en-AU" sz="153"/>
              </a:p>
            </p:txBody>
          </p:sp>
          <p:sp>
            <p:nvSpPr>
              <p:cNvPr id="52" name="Freeform: Shape 51">
                <a:extLst>
                  <a:ext uri="{FF2B5EF4-FFF2-40B4-BE49-F238E27FC236}">
                    <a16:creationId xmlns:a16="http://schemas.microsoft.com/office/drawing/2014/main" id="{32651E5E-4AF4-C5C4-C68A-0392CCEC5052}"/>
                  </a:ext>
                </a:extLst>
              </p:cNvPr>
              <p:cNvSpPr/>
              <p:nvPr/>
            </p:nvSpPr>
            <p:spPr>
              <a:xfrm>
                <a:off x="3963066" y="3280441"/>
                <a:ext cx="36004" cy="15525"/>
              </a:xfrm>
              <a:custGeom>
                <a:avLst/>
                <a:gdLst>
                  <a:gd name="connsiteX0" fmla="*/ 0 w 36004"/>
                  <a:gd name="connsiteY0" fmla="*/ 0 h 15525"/>
                  <a:gd name="connsiteX1" fmla="*/ 36005 w 36004"/>
                  <a:gd name="connsiteY1" fmla="*/ 0 h 15525"/>
                  <a:gd name="connsiteX2" fmla="*/ 36005 w 36004"/>
                  <a:gd name="connsiteY2" fmla="*/ 15526 h 15525"/>
                  <a:gd name="connsiteX3" fmla="*/ 0 w 36004"/>
                  <a:gd name="connsiteY3" fmla="*/ 15526 h 15525"/>
                </a:gdLst>
                <a:ahLst/>
                <a:cxnLst>
                  <a:cxn ang="0">
                    <a:pos x="connsiteX0" y="connsiteY0"/>
                  </a:cxn>
                  <a:cxn ang="0">
                    <a:pos x="connsiteX1" y="connsiteY1"/>
                  </a:cxn>
                  <a:cxn ang="0">
                    <a:pos x="connsiteX2" y="connsiteY2"/>
                  </a:cxn>
                  <a:cxn ang="0">
                    <a:pos x="connsiteX3" y="connsiteY3"/>
                  </a:cxn>
                </a:cxnLst>
                <a:rect l="l" t="t" r="r" b="b"/>
                <a:pathLst>
                  <a:path w="36004" h="15525">
                    <a:moveTo>
                      <a:pt x="0" y="0"/>
                    </a:moveTo>
                    <a:lnTo>
                      <a:pt x="36005" y="0"/>
                    </a:lnTo>
                    <a:lnTo>
                      <a:pt x="36005" y="15526"/>
                    </a:lnTo>
                    <a:lnTo>
                      <a:pt x="0" y="15526"/>
                    </a:lnTo>
                    <a:close/>
                  </a:path>
                </a:pathLst>
              </a:custGeom>
              <a:solidFill>
                <a:srgbClr val="265998"/>
              </a:solidFill>
              <a:ln w="9525" cap="flat">
                <a:noFill/>
                <a:prstDash val="solid"/>
                <a:miter/>
              </a:ln>
            </p:spPr>
            <p:txBody>
              <a:bodyPr rtlCol="0" anchor="ctr"/>
              <a:lstStyle/>
              <a:p>
                <a:endParaRPr lang="en-AU" sz="153"/>
              </a:p>
            </p:txBody>
          </p:sp>
          <p:sp>
            <p:nvSpPr>
              <p:cNvPr id="53" name="Freeform: Shape 52">
                <a:extLst>
                  <a:ext uri="{FF2B5EF4-FFF2-40B4-BE49-F238E27FC236}">
                    <a16:creationId xmlns:a16="http://schemas.microsoft.com/office/drawing/2014/main" id="{0CCF95C2-01D8-37A6-25E0-C4131795BA4A}"/>
                  </a:ext>
                </a:extLst>
              </p:cNvPr>
              <p:cNvSpPr/>
              <p:nvPr/>
            </p:nvSpPr>
            <p:spPr>
              <a:xfrm>
                <a:off x="3959066" y="2897632"/>
                <a:ext cx="44005" cy="15525"/>
              </a:xfrm>
              <a:custGeom>
                <a:avLst/>
                <a:gdLst>
                  <a:gd name="connsiteX0" fmla="*/ 0 w 44005"/>
                  <a:gd name="connsiteY0" fmla="*/ 0 h 15525"/>
                  <a:gd name="connsiteX1" fmla="*/ 44005 w 44005"/>
                  <a:gd name="connsiteY1" fmla="*/ 0 h 15525"/>
                  <a:gd name="connsiteX2" fmla="*/ 44005 w 44005"/>
                  <a:gd name="connsiteY2" fmla="*/ 15526 h 15525"/>
                  <a:gd name="connsiteX3" fmla="*/ 0 w 44005"/>
                  <a:gd name="connsiteY3" fmla="*/ 15526 h 15525"/>
                </a:gdLst>
                <a:ahLst/>
                <a:cxnLst>
                  <a:cxn ang="0">
                    <a:pos x="connsiteX0" y="connsiteY0"/>
                  </a:cxn>
                  <a:cxn ang="0">
                    <a:pos x="connsiteX1" y="connsiteY1"/>
                  </a:cxn>
                  <a:cxn ang="0">
                    <a:pos x="connsiteX2" y="connsiteY2"/>
                  </a:cxn>
                  <a:cxn ang="0">
                    <a:pos x="connsiteX3" y="connsiteY3"/>
                  </a:cxn>
                </a:cxnLst>
                <a:rect l="l" t="t" r="r" b="b"/>
                <a:pathLst>
                  <a:path w="44005" h="15525">
                    <a:moveTo>
                      <a:pt x="0" y="0"/>
                    </a:moveTo>
                    <a:lnTo>
                      <a:pt x="44005" y="0"/>
                    </a:lnTo>
                    <a:lnTo>
                      <a:pt x="44005" y="15526"/>
                    </a:lnTo>
                    <a:lnTo>
                      <a:pt x="0" y="15526"/>
                    </a:lnTo>
                    <a:close/>
                  </a:path>
                </a:pathLst>
              </a:custGeom>
              <a:solidFill>
                <a:srgbClr val="265998"/>
              </a:solidFill>
              <a:ln w="9525" cap="flat">
                <a:noFill/>
                <a:prstDash val="solid"/>
                <a:miter/>
              </a:ln>
            </p:spPr>
            <p:txBody>
              <a:bodyPr rtlCol="0" anchor="ctr"/>
              <a:lstStyle/>
              <a:p>
                <a:endParaRPr lang="en-AU" sz="153"/>
              </a:p>
            </p:txBody>
          </p:sp>
          <p:sp>
            <p:nvSpPr>
              <p:cNvPr id="54" name="Freeform: Shape 53">
                <a:extLst>
                  <a:ext uri="{FF2B5EF4-FFF2-40B4-BE49-F238E27FC236}">
                    <a16:creationId xmlns:a16="http://schemas.microsoft.com/office/drawing/2014/main" id="{13038D08-5355-5191-75EB-2311F585C1A3}"/>
                  </a:ext>
                </a:extLst>
              </p:cNvPr>
              <p:cNvSpPr/>
              <p:nvPr/>
            </p:nvSpPr>
            <p:spPr>
              <a:xfrm>
                <a:off x="3931824" y="2897632"/>
                <a:ext cx="13525" cy="15525"/>
              </a:xfrm>
              <a:custGeom>
                <a:avLst/>
                <a:gdLst>
                  <a:gd name="connsiteX0" fmla="*/ 0 w 13525"/>
                  <a:gd name="connsiteY0" fmla="*/ 0 h 15525"/>
                  <a:gd name="connsiteX1" fmla="*/ 13526 w 13525"/>
                  <a:gd name="connsiteY1" fmla="*/ 0 h 15525"/>
                  <a:gd name="connsiteX2" fmla="*/ 13526 w 13525"/>
                  <a:gd name="connsiteY2" fmla="*/ 15526 h 15525"/>
                  <a:gd name="connsiteX3" fmla="*/ 0 w 13525"/>
                  <a:gd name="connsiteY3" fmla="*/ 15526 h 15525"/>
                </a:gdLst>
                <a:ahLst/>
                <a:cxnLst>
                  <a:cxn ang="0">
                    <a:pos x="connsiteX0" y="connsiteY0"/>
                  </a:cxn>
                  <a:cxn ang="0">
                    <a:pos x="connsiteX1" y="connsiteY1"/>
                  </a:cxn>
                  <a:cxn ang="0">
                    <a:pos x="connsiteX2" y="connsiteY2"/>
                  </a:cxn>
                  <a:cxn ang="0">
                    <a:pos x="connsiteX3" y="connsiteY3"/>
                  </a:cxn>
                </a:cxnLst>
                <a:rect l="l" t="t" r="r" b="b"/>
                <a:pathLst>
                  <a:path w="13525" h="15525">
                    <a:moveTo>
                      <a:pt x="0" y="0"/>
                    </a:moveTo>
                    <a:lnTo>
                      <a:pt x="13526" y="0"/>
                    </a:lnTo>
                    <a:lnTo>
                      <a:pt x="13526" y="15526"/>
                    </a:lnTo>
                    <a:lnTo>
                      <a:pt x="0" y="15526"/>
                    </a:lnTo>
                    <a:close/>
                  </a:path>
                </a:pathLst>
              </a:custGeom>
              <a:solidFill>
                <a:srgbClr val="265998"/>
              </a:solidFill>
              <a:ln w="9525" cap="flat">
                <a:noFill/>
                <a:prstDash val="solid"/>
                <a:miter/>
              </a:ln>
            </p:spPr>
            <p:txBody>
              <a:bodyPr rtlCol="0" anchor="ctr"/>
              <a:lstStyle/>
              <a:p>
                <a:endParaRPr lang="en-AU" sz="153"/>
              </a:p>
            </p:txBody>
          </p:sp>
          <p:sp>
            <p:nvSpPr>
              <p:cNvPr id="55" name="Freeform: Shape 54">
                <a:extLst>
                  <a:ext uri="{FF2B5EF4-FFF2-40B4-BE49-F238E27FC236}">
                    <a16:creationId xmlns:a16="http://schemas.microsoft.com/office/drawing/2014/main" id="{B7CE6EF9-FB65-6E68-68BA-BBDCD43B27F8}"/>
                  </a:ext>
                </a:extLst>
              </p:cNvPr>
              <p:cNvSpPr/>
              <p:nvPr/>
            </p:nvSpPr>
            <p:spPr>
              <a:xfrm>
                <a:off x="3889438" y="3028981"/>
                <a:ext cx="183737" cy="153450"/>
              </a:xfrm>
              <a:custGeom>
                <a:avLst/>
                <a:gdLst>
                  <a:gd name="connsiteX0" fmla="*/ 41053 w 183737"/>
                  <a:gd name="connsiteY0" fmla="*/ 153448 h 153450"/>
                  <a:gd name="connsiteX1" fmla="*/ 37814 w 183737"/>
                  <a:gd name="connsiteY1" fmla="*/ 152686 h 153450"/>
                  <a:gd name="connsiteX2" fmla="*/ 33242 w 183737"/>
                  <a:gd name="connsiteY2" fmla="*/ 145637 h 153450"/>
                  <a:gd name="connsiteX3" fmla="*/ 33242 w 183737"/>
                  <a:gd name="connsiteY3" fmla="*/ 115729 h 153450"/>
                  <a:gd name="connsiteX4" fmla="*/ 7715 w 183737"/>
                  <a:gd name="connsiteY4" fmla="*/ 115729 h 153450"/>
                  <a:gd name="connsiteX5" fmla="*/ 0 w 183737"/>
                  <a:gd name="connsiteY5" fmla="*/ 108013 h 153450"/>
                  <a:gd name="connsiteX6" fmla="*/ 0 w 183737"/>
                  <a:gd name="connsiteY6" fmla="*/ 7811 h 153450"/>
                  <a:gd name="connsiteX7" fmla="*/ 7715 w 183737"/>
                  <a:gd name="connsiteY7" fmla="*/ 0 h 153450"/>
                  <a:gd name="connsiteX8" fmla="*/ 64294 w 183737"/>
                  <a:gd name="connsiteY8" fmla="*/ 0 h 153450"/>
                  <a:gd name="connsiteX9" fmla="*/ 64294 w 183737"/>
                  <a:gd name="connsiteY9" fmla="*/ 15526 h 153450"/>
                  <a:gd name="connsiteX10" fmla="*/ 15812 w 183737"/>
                  <a:gd name="connsiteY10" fmla="*/ 15526 h 153450"/>
                  <a:gd name="connsiteX11" fmla="*/ 15812 w 183737"/>
                  <a:gd name="connsiteY11" fmla="*/ 100298 h 153450"/>
                  <a:gd name="connsiteX12" fmla="*/ 41338 w 183737"/>
                  <a:gd name="connsiteY12" fmla="*/ 100298 h 153450"/>
                  <a:gd name="connsiteX13" fmla="*/ 49054 w 183737"/>
                  <a:gd name="connsiteY13" fmla="*/ 108013 h 153450"/>
                  <a:gd name="connsiteX14" fmla="*/ 49054 w 183737"/>
                  <a:gd name="connsiteY14" fmla="*/ 128873 h 153450"/>
                  <a:gd name="connsiteX15" fmla="*/ 80581 w 183737"/>
                  <a:gd name="connsiteY15" fmla="*/ 102108 h 153450"/>
                  <a:gd name="connsiteX16" fmla="*/ 85535 w 183737"/>
                  <a:gd name="connsiteY16" fmla="*/ 100298 h 153450"/>
                  <a:gd name="connsiteX17" fmla="*/ 168212 w 183737"/>
                  <a:gd name="connsiteY17" fmla="*/ 100298 h 153450"/>
                  <a:gd name="connsiteX18" fmla="*/ 168212 w 183737"/>
                  <a:gd name="connsiteY18" fmla="*/ 48863 h 153450"/>
                  <a:gd name="connsiteX19" fmla="*/ 183737 w 183737"/>
                  <a:gd name="connsiteY19" fmla="*/ 48863 h 153450"/>
                  <a:gd name="connsiteX20" fmla="*/ 183737 w 183737"/>
                  <a:gd name="connsiteY20" fmla="*/ 107918 h 153450"/>
                  <a:gd name="connsiteX21" fmla="*/ 175927 w 183737"/>
                  <a:gd name="connsiteY21" fmla="*/ 115633 h 153450"/>
                  <a:gd name="connsiteX22" fmla="*/ 88487 w 183737"/>
                  <a:gd name="connsiteY22" fmla="*/ 115633 h 153450"/>
                  <a:gd name="connsiteX23" fmla="*/ 46387 w 183737"/>
                  <a:gd name="connsiteY23" fmla="*/ 151448 h 153450"/>
                  <a:gd name="connsiteX24" fmla="*/ 41053 w 183737"/>
                  <a:gd name="connsiteY24" fmla="*/ 153448 h 1534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83737" h="153450">
                    <a:moveTo>
                      <a:pt x="41053" y="153448"/>
                    </a:moveTo>
                    <a:cubicBezTo>
                      <a:pt x="39929" y="153448"/>
                      <a:pt x="38824" y="153181"/>
                      <a:pt x="37814" y="152686"/>
                    </a:cubicBezTo>
                    <a:cubicBezTo>
                      <a:pt x="35033" y="151448"/>
                      <a:pt x="33242" y="148685"/>
                      <a:pt x="33242" y="145637"/>
                    </a:cubicBezTo>
                    <a:lnTo>
                      <a:pt x="33242" y="115729"/>
                    </a:lnTo>
                    <a:lnTo>
                      <a:pt x="7715" y="115729"/>
                    </a:lnTo>
                    <a:cubicBezTo>
                      <a:pt x="3458" y="115729"/>
                      <a:pt x="0" y="112271"/>
                      <a:pt x="0" y="108013"/>
                    </a:cubicBezTo>
                    <a:lnTo>
                      <a:pt x="0" y="7811"/>
                    </a:lnTo>
                    <a:cubicBezTo>
                      <a:pt x="0" y="3534"/>
                      <a:pt x="3438" y="48"/>
                      <a:pt x="7715" y="0"/>
                    </a:cubicBezTo>
                    <a:lnTo>
                      <a:pt x="64294" y="0"/>
                    </a:lnTo>
                    <a:lnTo>
                      <a:pt x="64294" y="15526"/>
                    </a:lnTo>
                    <a:lnTo>
                      <a:pt x="15812" y="15526"/>
                    </a:lnTo>
                    <a:lnTo>
                      <a:pt x="15812" y="100298"/>
                    </a:lnTo>
                    <a:lnTo>
                      <a:pt x="41338" y="100298"/>
                    </a:lnTo>
                    <a:cubicBezTo>
                      <a:pt x="45596" y="100298"/>
                      <a:pt x="49054" y="103756"/>
                      <a:pt x="49054" y="108013"/>
                    </a:cubicBezTo>
                    <a:lnTo>
                      <a:pt x="49054" y="128873"/>
                    </a:lnTo>
                    <a:lnTo>
                      <a:pt x="80581" y="102108"/>
                    </a:lnTo>
                    <a:cubicBezTo>
                      <a:pt x="81944" y="100908"/>
                      <a:pt x="83715" y="100260"/>
                      <a:pt x="85535" y="100298"/>
                    </a:cubicBezTo>
                    <a:lnTo>
                      <a:pt x="168212" y="100298"/>
                    </a:lnTo>
                    <a:lnTo>
                      <a:pt x="168212" y="48863"/>
                    </a:lnTo>
                    <a:lnTo>
                      <a:pt x="183737" y="48863"/>
                    </a:lnTo>
                    <a:lnTo>
                      <a:pt x="183737" y="107918"/>
                    </a:lnTo>
                    <a:cubicBezTo>
                      <a:pt x="183690" y="112195"/>
                      <a:pt x="180204" y="115633"/>
                      <a:pt x="175927" y="115633"/>
                    </a:cubicBezTo>
                    <a:lnTo>
                      <a:pt x="88487" y="115633"/>
                    </a:lnTo>
                    <a:lnTo>
                      <a:pt x="46387" y="151448"/>
                    </a:lnTo>
                    <a:cubicBezTo>
                      <a:pt x="44939" y="152791"/>
                      <a:pt x="43024" y="153505"/>
                      <a:pt x="41053" y="153448"/>
                    </a:cubicBezTo>
                    <a:close/>
                  </a:path>
                </a:pathLst>
              </a:custGeom>
              <a:solidFill>
                <a:srgbClr val="265998"/>
              </a:solidFill>
              <a:ln w="9525" cap="flat">
                <a:noFill/>
                <a:prstDash val="solid"/>
                <a:miter/>
              </a:ln>
            </p:spPr>
            <p:txBody>
              <a:bodyPr rtlCol="0" anchor="ctr"/>
              <a:lstStyle/>
              <a:p>
                <a:endParaRPr lang="en-AU" sz="153"/>
              </a:p>
            </p:txBody>
          </p:sp>
          <p:sp>
            <p:nvSpPr>
              <p:cNvPr id="56" name="Freeform: Shape 55">
                <a:extLst>
                  <a:ext uri="{FF2B5EF4-FFF2-40B4-BE49-F238E27FC236}">
                    <a16:creationId xmlns:a16="http://schemas.microsoft.com/office/drawing/2014/main" id="{6C092066-7D24-B6D8-6432-FB8F5E077A0B}"/>
                  </a:ext>
                </a:extLst>
              </p:cNvPr>
              <p:cNvSpPr/>
              <p:nvPr/>
            </p:nvSpPr>
            <p:spPr>
              <a:xfrm>
                <a:off x="3981069" y="3042697"/>
                <a:ext cx="63531" cy="15525"/>
              </a:xfrm>
              <a:custGeom>
                <a:avLst/>
                <a:gdLst>
                  <a:gd name="connsiteX0" fmla="*/ 0 w 63531"/>
                  <a:gd name="connsiteY0" fmla="*/ 0 h 15525"/>
                  <a:gd name="connsiteX1" fmla="*/ 63532 w 63531"/>
                  <a:gd name="connsiteY1" fmla="*/ 0 h 15525"/>
                  <a:gd name="connsiteX2" fmla="*/ 63532 w 63531"/>
                  <a:gd name="connsiteY2" fmla="*/ 15526 h 15525"/>
                  <a:gd name="connsiteX3" fmla="*/ 0 w 63531"/>
                  <a:gd name="connsiteY3" fmla="*/ 15526 h 15525"/>
                </a:gdLst>
                <a:ahLst/>
                <a:cxnLst>
                  <a:cxn ang="0">
                    <a:pos x="connsiteX0" y="connsiteY0"/>
                  </a:cxn>
                  <a:cxn ang="0">
                    <a:pos x="connsiteX1" y="connsiteY1"/>
                  </a:cxn>
                  <a:cxn ang="0">
                    <a:pos x="connsiteX2" y="connsiteY2"/>
                  </a:cxn>
                  <a:cxn ang="0">
                    <a:pos x="connsiteX3" y="connsiteY3"/>
                  </a:cxn>
                </a:cxnLst>
                <a:rect l="l" t="t" r="r" b="b"/>
                <a:pathLst>
                  <a:path w="63531" h="15525">
                    <a:moveTo>
                      <a:pt x="0" y="0"/>
                    </a:moveTo>
                    <a:lnTo>
                      <a:pt x="63532" y="0"/>
                    </a:lnTo>
                    <a:lnTo>
                      <a:pt x="63532" y="15526"/>
                    </a:lnTo>
                    <a:lnTo>
                      <a:pt x="0" y="15526"/>
                    </a:lnTo>
                    <a:close/>
                  </a:path>
                </a:pathLst>
              </a:custGeom>
              <a:solidFill>
                <a:srgbClr val="265998"/>
              </a:solidFill>
              <a:ln w="9525" cap="flat">
                <a:noFill/>
                <a:prstDash val="solid"/>
                <a:miter/>
              </a:ln>
            </p:spPr>
            <p:txBody>
              <a:bodyPr rtlCol="0" anchor="ctr"/>
              <a:lstStyle/>
              <a:p>
                <a:endParaRPr lang="en-AU" sz="153"/>
              </a:p>
            </p:txBody>
          </p:sp>
          <p:sp>
            <p:nvSpPr>
              <p:cNvPr id="57" name="Freeform: Shape 56">
                <a:extLst>
                  <a:ext uri="{FF2B5EF4-FFF2-40B4-BE49-F238E27FC236}">
                    <a16:creationId xmlns:a16="http://schemas.microsoft.com/office/drawing/2014/main" id="{034B05D9-443D-0590-9E16-EC04437D297C}"/>
                  </a:ext>
                </a:extLst>
              </p:cNvPr>
              <p:cNvSpPr/>
              <p:nvPr/>
            </p:nvSpPr>
            <p:spPr>
              <a:xfrm>
                <a:off x="4005072" y="3018694"/>
                <a:ext cx="15525" cy="63531"/>
              </a:xfrm>
              <a:custGeom>
                <a:avLst/>
                <a:gdLst>
                  <a:gd name="connsiteX0" fmla="*/ 0 w 15525"/>
                  <a:gd name="connsiteY0" fmla="*/ 0 h 63531"/>
                  <a:gd name="connsiteX1" fmla="*/ 15526 w 15525"/>
                  <a:gd name="connsiteY1" fmla="*/ 0 h 63531"/>
                  <a:gd name="connsiteX2" fmla="*/ 15526 w 15525"/>
                  <a:gd name="connsiteY2" fmla="*/ 63532 h 63531"/>
                  <a:gd name="connsiteX3" fmla="*/ 0 w 15525"/>
                  <a:gd name="connsiteY3" fmla="*/ 63532 h 63531"/>
                </a:gdLst>
                <a:ahLst/>
                <a:cxnLst>
                  <a:cxn ang="0">
                    <a:pos x="connsiteX0" y="connsiteY0"/>
                  </a:cxn>
                  <a:cxn ang="0">
                    <a:pos x="connsiteX1" y="connsiteY1"/>
                  </a:cxn>
                  <a:cxn ang="0">
                    <a:pos x="connsiteX2" y="connsiteY2"/>
                  </a:cxn>
                  <a:cxn ang="0">
                    <a:pos x="connsiteX3" y="connsiteY3"/>
                  </a:cxn>
                </a:cxnLst>
                <a:rect l="l" t="t" r="r" b="b"/>
                <a:pathLst>
                  <a:path w="15525" h="63531">
                    <a:moveTo>
                      <a:pt x="0" y="0"/>
                    </a:moveTo>
                    <a:lnTo>
                      <a:pt x="15526" y="0"/>
                    </a:lnTo>
                    <a:lnTo>
                      <a:pt x="15526" y="63532"/>
                    </a:lnTo>
                    <a:lnTo>
                      <a:pt x="0" y="63532"/>
                    </a:lnTo>
                    <a:close/>
                  </a:path>
                </a:pathLst>
              </a:custGeom>
              <a:solidFill>
                <a:srgbClr val="265998"/>
              </a:solidFill>
              <a:ln w="9525" cap="flat">
                <a:noFill/>
                <a:prstDash val="solid"/>
                <a:miter/>
              </a:ln>
            </p:spPr>
            <p:txBody>
              <a:bodyPr rtlCol="0" anchor="ctr"/>
              <a:lstStyle/>
              <a:p>
                <a:endParaRPr lang="en-AU" sz="153"/>
              </a:p>
            </p:txBody>
          </p:sp>
        </p:grpSp>
        <p:grpSp>
          <p:nvGrpSpPr>
            <p:cNvPr id="71" name="Group 70">
              <a:extLst>
                <a:ext uri="{FF2B5EF4-FFF2-40B4-BE49-F238E27FC236}">
                  <a16:creationId xmlns:a16="http://schemas.microsoft.com/office/drawing/2014/main" id="{1D6585B9-F644-12A9-32DD-9F469043C6EC}"/>
                </a:ext>
              </a:extLst>
            </p:cNvPr>
            <p:cNvGrpSpPr/>
            <p:nvPr/>
          </p:nvGrpSpPr>
          <p:grpSpPr>
            <a:xfrm>
              <a:off x="422764" y="3519504"/>
              <a:ext cx="696677" cy="749091"/>
              <a:chOff x="1170146" y="2187162"/>
              <a:chExt cx="419100" cy="418719"/>
            </a:xfrm>
          </p:grpSpPr>
          <p:sp>
            <p:nvSpPr>
              <p:cNvPr id="72" name="Graphic 2">
                <a:extLst>
                  <a:ext uri="{FF2B5EF4-FFF2-40B4-BE49-F238E27FC236}">
                    <a16:creationId xmlns:a16="http://schemas.microsoft.com/office/drawing/2014/main" id="{EA9DB2B0-ED53-C850-CF90-CA547CE4ABEC}"/>
                  </a:ext>
                </a:extLst>
              </p:cNvPr>
              <p:cNvSpPr/>
              <p:nvPr/>
            </p:nvSpPr>
            <p:spPr>
              <a:xfrm>
                <a:off x="1317212" y="2345848"/>
                <a:ext cx="262699" cy="253269"/>
              </a:xfrm>
              <a:custGeom>
                <a:avLst/>
                <a:gdLst>
                  <a:gd name="connsiteX0" fmla="*/ 0 w 262699"/>
                  <a:gd name="connsiteY0" fmla="*/ 0 h 253269"/>
                  <a:gd name="connsiteX1" fmla="*/ 262700 w 262699"/>
                  <a:gd name="connsiteY1" fmla="*/ 0 h 253269"/>
                  <a:gd name="connsiteX2" fmla="*/ 262700 w 262699"/>
                  <a:gd name="connsiteY2" fmla="*/ 181451 h 253269"/>
                  <a:gd name="connsiteX3" fmla="*/ 209169 w 262699"/>
                  <a:gd name="connsiteY3" fmla="*/ 181451 h 253269"/>
                  <a:gd name="connsiteX4" fmla="*/ 209169 w 262699"/>
                  <a:gd name="connsiteY4" fmla="*/ 253270 h 253269"/>
                  <a:gd name="connsiteX5" fmla="*/ 135350 w 262699"/>
                  <a:gd name="connsiteY5" fmla="*/ 188119 h 253269"/>
                  <a:gd name="connsiteX6" fmla="*/ 0 w 262699"/>
                  <a:gd name="connsiteY6" fmla="*/ 184975 h 253269"/>
                  <a:gd name="connsiteX7" fmla="*/ 0 w 262699"/>
                  <a:gd name="connsiteY7" fmla="*/ 0 h 25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62699" h="253269">
                    <a:moveTo>
                      <a:pt x="0" y="0"/>
                    </a:moveTo>
                    <a:lnTo>
                      <a:pt x="262700" y="0"/>
                    </a:lnTo>
                    <a:lnTo>
                      <a:pt x="262700" y="181451"/>
                    </a:lnTo>
                    <a:lnTo>
                      <a:pt x="209169" y="181451"/>
                    </a:lnTo>
                    <a:lnTo>
                      <a:pt x="209169" y="253270"/>
                    </a:lnTo>
                    <a:lnTo>
                      <a:pt x="135350" y="188119"/>
                    </a:lnTo>
                    <a:lnTo>
                      <a:pt x="0" y="184975"/>
                    </a:lnTo>
                    <a:lnTo>
                      <a:pt x="0" y="0"/>
                    </a:lnTo>
                    <a:close/>
                  </a:path>
                </a:pathLst>
              </a:custGeom>
              <a:solidFill>
                <a:srgbClr val="C7E4F1"/>
              </a:solidFill>
              <a:ln w="9525" cap="flat">
                <a:noFill/>
                <a:prstDash val="solid"/>
                <a:miter/>
              </a:ln>
            </p:spPr>
            <p:txBody>
              <a:bodyPr rtlCol="0" anchor="ctr"/>
              <a:lstStyle/>
              <a:p>
                <a:endParaRPr lang="en-AU" sz="153"/>
              </a:p>
            </p:txBody>
          </p:sp>
          <p:sp>
            <p:nvSpPr>
              <p:cNvPr id="73" name="Graphic 2">
                <a:extLst>
                  <a:ext uri="{FF2B5EF4-FFF2-40B4-BE49-F238E27FC236}">
                    <a16:creationId xmlns:a16="http://schemas.microsoft.com/office/drawing/2014/main" id="{593C2CD1-4DF6-14EC-CF85-29B737DE2DCB}"/>
                  </a:ext>
                </a:extLst>
              </p:cNvPr>
              <p:cNvSpPr/>
              <p:nvPr/>
            </p:nvSpPr>
            <p:spPr>
              <a:xfrm>
                <a:off x="1182623" y="2198687"/>
                <a:ext cx="263937" cy="248412"/>
              </a:xfrm>
              <a:custGeom>
                <a:avLst/>
                <a:gdLst>
                  <a:gd name="connsiteX0" fmla="*/ 263938 w 263937"/>
                  <a:gd name="connsiteY0" fmla="*/ 113443 h 248412"/>
                  <a:gd name="connsiteX1" fmla="*/ 263938 w 263937"/>
                  <a:gd name="connsiteY1" fmla="*/ 146399 h 248412"/>
                  <a:gd name="connsiteX2" fmla="*/ 140970 w 263937"/>
                  <a:gd name="connsiteY2" fmla="*/ 146399 h 248412"/>
                  <a:gd name="connsiteX3" fmla="*/ 125254 w 263937"/>
                  <a:gd name="connsiteY3" fmla="*/ 162116 h 248412"/>
                  <a:gd name="connsiteX4" fmla="*/ 125254 w 263937"/>
                  <a:gd name="connsiteY4" fmla="*/ 187642 h 248412"/>
                  <a:gd name="connsiteX5" fmla="*/ 51245 w 263937"/>
                  <a:gd name="connsiteY5" fmla="*/ 248412 h 248412"/>
                  <a:gd name="connsiteX6" fmla="*/ 51245 w 263937"/>
                  <a:gd name="connsiteY6" fmla="*/ 187262 h 248412"/>
                  <a:gd name="connsiteX7" fmla="*/ 0 w 263937"/>
                  <a:gd name="connsiteY7" fmla="*/ 187262 h 248412"/>
                  <a:gd name="connsiteX8" fmla="*/ 0 w 263937"/>
                  <a:gd name="connsiteY8" fmla="*/ 0 h 248412"/>
                  <a:gd name="connsiteX9" fmla="*/ 263938 w 263937"/>
                  <a:gd name="connsiteY9" fmla="*/ 0 h 248412"/>
                  <a:gd name="connsiteX10" fmla="*/ 263938 w 263937"/>
                  <a:gd name="connsiteY10" fmla="*/ 113443 h 2484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63937" h="248412">
                    <a:moveTo>
                      <a:pt x="263938" y="113443"/>
                    </a:moveTo>
                    <a:lnTo>
                      <a:pt x="263938" y="146399"/>
                    </a:lnTo>
                    <a:lnTo>
                      <a:pt x="140970" y="146399"/>
                    </a:lnTo>
                    <a:lnTo>
                      <a:pt x="125254" y="162116"/>
                    </a:lnTo>
                    <a:lnTo>
                      <a:pt x="125254" y="187642"/>
                    </a:lnTo>
                    <a:lnTo>
                      <a:pt x="51245" y="248412"/>
                    </a:lnTo>
                    <a:lnTo>
                      <a:pt x="51245" y="187262"/>
                    </a:lnTo>
                    <a:lnTo>
                      <a:pt x="0" y="187262"/>
                    </a:lnTo>
                    <a:lnTo>
                      <a:pt x="0" y="0"/>
                    </a:lnTo>
                    <a:lnTo>
                      <a:pt x="263938" y="0"/>
                    </a:lnTo>
                    <a:lnTo>
                      <a:pt x="263938" y="113443"/>
                    </a:lnTo>
                    <a:close/>
                  </a:path>
                </a:pathLst>
              </a:custGeom>
              <a:solidFill>
                <a:srgbClr val="66B9DA"/>
              </a:solidFill>
              <a:ln w="9525" cap="flat">
                <a:noFill/>
                <a:prstDash val="solid"/>
                <a:miter/>
              </a:ln>
            </p:spPr>
            <p:txBody>
              <a:bodyPr rtlCol="0" anchor="ctr"/>
              <a:lstStyle/>
              <a:p>
                <a:endParaRPr lang="en-AU" sz="153"/>
              </a:p>
            </p:txBody>
          </p:sp>
          <p:sp>
            <p:nvSpPr>
              <p:cNvPr id="74" name="Graphic 2">
                <a:extLst>
                  <a:ext uri="{FF2B5EF4-FFF2-40B4-BE49-F238E27FC236}">
                    <a16:creationId xmlns:a16="http://schemas.microsoft.com/office/drawing/2014/main" id="{60B7146C-2559-ED5B-BC67-E9B0550548A4}"/>
                  </a:ext>
                </a:extLst>
              </p:cNvPr>
              <p:cNvSpPr/>
              <p:nvPr/>
            </p:nvSpPr>
            <p:spPr>
              <a:xfrm>
                <a:off x="1170146" y="2187162"/>
                <a:ext cx="419100" cy="418719"/>
              </a:xfrm>
              <a:custGeom>
                <a:avLst/>
                <a:gdLst>
                  <a:gd name="connsiteX0" fmla="*/ 396716 w 419100"/>
                  <a:gd name="connsiteY0" fmla="*/ 147066 h 418719"/>
                  <a:gd name="connsiteX1" fmla="*/ 156020 w 419100"/>
                  <a:gd name="connsiteY1" fmla="*/ 147066 h 418719"/>
                  <a:gd name="connsiteX2" fmla="*/ 133731 w 419100"/>
                  <a:gd name="connsiteY2" fmla="*/ 169450 h 418719"/>
                  <a:gd name="connsiteX3" fmla="*/ 133731 w 419100"/>
                  <a:gd name="connsiteY3" fmla="*/ 189929 h 418719"/>
                  <a:gd name="connsiteX4" fmla="*/ 132112 w 419100"/>
                  <a:gd name="connsiteY4" fmla="*/ 193262 h 418719"/>
                  <a:gd name="connsiteX5" fmla="*/ 78581 w 419100"/>
                  <a:gd name="connsiteY5" fmla="*/ 237839 h 418719"/>
                  <a:gd name="connsiteX6" fmla="*/ 75819 w 419100"/>
                  <a:gd name="connsiteY6" fmla="*/ 238887 h 418719"/>
                  <a:gd name="connsiteX7" fmla="*/ 73914 w 419100"/>
                  <a:gd name="connsiteY7" fmla="*/ 238411 h 418719"/>
                  <a:gd name="connsiteX8" fmla="*/ 71438 w 419100"/>
                  <a:gd name="connsiteY8" fmla="*/ 234506 h 418719"/>
                  <a:gd name="connsiteX9" fmla="*/ 71438 w 419100"/>
                  <a:gd name="connsiteY9" fmla="*/ 196406 h 418719"/>
                  <a:gd name="connsiteX10" fmla="*/ 62484 w 419100"/>
                  <a:gd name="connsiteY10" fmla="*/ 187357 h 418719"/>
                  <a:gd name="connsiteX11" fmla="*/ 22289 w 419100"/>
                  <a:gd name="connsiteY11" fmla="*/ 187357 h 418719"/>
                  <a:gd name="connsiteX12" fmla="*/ 17907 w 419100"/>
                  <a:gd name="connsiteY12" fmla="*/ 182975 h 418719"/>
                  <a:gd name="connsiteX13" fmla="*/ 17907 w 419100"/>
                  <a:gd name="connsiteY13" fmla="*/ 22384 h 418719"/>
                  <a:gd name="connsiteX14" fmla="*/ 22289 w 419100"/>
                  <a:gd name="connsiteY14" fmla="*/ 18002 h 418719"/>
                  <a:gd name="connsiteX15" fmla="*/ 262985 w 419100"/>
                  <a:gd name="connsiteY15" fmla="*/ 18002 h 418719"/>
                  <a:gd name="connsiteX16" fmla="*/ 267367 w 419100"/>
                  <a:gd name="connsiteY16" fmla="*/ 22193 h 418719"/>
                  <a:gd name="connsiteX17" fmla="*/ 267367 w 419100"/>
                  <a:gd name="connsiteY17" fmla="*/ 22384 h 418719"/>
                  <a:gd name="connsiteX18" fmla="*/ 267367 w 419100"/>
                  <a:gd name="connsiteY18" fmla="*/ 149638 h 418719"/>
                  <a:gd name="connsiteX19" fmla="*/ 277295 w 419100"/>
                  <a:gd name="connsiteY19" fmla="*/ 157715 h 418719"/>
                  <a:gd name="connsiteX20" fmla="*/ 285369 w 419100"/>
                  <a:gd name="connsiteY20" fmla="*/ 149638 h 418719"/>
                  <a:gd name="connsiteX21" fmla="*/ 285369 w 419100"/>
                  <a:gd name="connsiteY21" fmla="*/ 22384 h 418719"/>
                  <a:gd name="connsiteX22" fmla="*/ 262985 w 419100"/>
                  <a:gd name="connsiteY22" fmla="*/ 0 h 418719"/>
                  <a:gd name="connsiteX23" fmla="*/ 22289 w 419100"/>
                  <a:gd name="connsiteY23" fmla="*/ 0 h 418719"/>
                  <a:gd name="connsiteX24" fmla="*/ 0 w 419100"/>
                  <a:gd name="connsiteY24" fmla="*/ 22384 h 418719"/>
                  <a:gd name="connsiteX25" fmla="*/ 0 w 419100"/>
                  <a:gd name="connsiteY25" fmla="*/ 182785 h 418719"/>
                  <a:gd name="connsiteX26" fmla="*/ 22289 w 419100"/>
                  <a:gd name="connsiteY26" fmla="*/ 205169 h 418719"/>
                  <a:gd name="connsiteX27" fmla="*/ 49054 w 419100"/>
                  <a:gd name="connsiteY27" fmla="*/ 205169 h 418719"/>
                  <a:gd name="connsiteX28" fmla="*/ 53435 w 419100"/>
                  <a:gd name="connsiteY28" fmla="*/ 209360 h 418719"/>
                  <a:gd name="connsiteX29" fmla="*/ 53435 w 419100"/>
                  <a:gd name="connsiteY29" fmla="*/ 209550 h 418719"/>
                  <a:gd name="connsiteX30" fmla="*/ 53435 w 419100"/>
                  <a:gd name="connsiteY30" fmla="*/ 262985 h 418719"/>
                  <a:gd name="connsiteX31" fmla="*/ 58674 w 419100"/>
                  <a:gd name="connsiteY31" fmla="*/ 271177 h 418719"/>
                  <a:gd name="connsiteX32" fmla="*/ 62484 w 419100"/>
                  <a:gd name="connsiteY32" fmla="*/ 272034 h 418719"/>
                  <a:gd name="connsiteX33" fmla="*/ 68199 w 419100"/>
                  <a:gd name="connsiteY33" fmla="*/ 269939 h 418719"/>
                  <a:gd name="connsiteX34" fmla="*/ 126492 w 419100"/>
                  <a:gd name="connsiteY34" fmla="*/ 221361 h 418719"/>
                  <a:gd name="connsiteX35" fmla="*/ 129350 w 419100"/>
                  <a:gd name="connsiteY35" fmla="*/ 220313 h 418719"/>
                  <a:gd name="connsiteX36" fmla="*/ 133731 w 419100"/>
                  <a:gd name="connsiteY36" fmla="*/ 224695 h 418719"/>
                  <a:gd name="connsiteX37" fmla="*/ 133731 w 419100"/>
                  <a:gd name="connsiteY37" fmla="*/ 329470 h 418719"/>
                  <a:gd name="connsiteX38" fmla="*/ 156020 w 419100"/>
                  <a:gd name="connsiteY38" fmla="*/ 351854 h 418719"/>
                  <a:gd name="connsiteX39" fmla="*/ 271558 w 419100"/>
                  <a:gd name="connsiteY39" fmla="*/ 351854 h 418719"/>
                  <a:gd name="connsiteX40" fmla="*/ 274320 w 419100"/>
                  <a:gd name="connsiteY40" fmla="*/ 352901 h 418719"/>
                  <a:gd name="connsiteX41" fmla="*/ 350520 w 419100"/>
                  <a:gd name="connsiteY41" fmla="*/ 416624 h 418719"/>
                  <a:gd name="connsiteX42" fmla="*/ 356330 w 419100"/>
                  <a:gd name="connsiteY42" fmla="*/ 418719 h 418719"/>
                  <a:gd name="connsiteX43" fmla="*/ 365284 w 419100"/>
                  <a:gd name="connsiteY43" fmla="*/ 409766 h 418719"/>
                  <a:gd name="connsiteX44" fmla="*/ 365284 w 419100"/>
                  <a:gd name="connsiteY44" fmla="*/ 356235 h 418719"/>
                  <a:gd name="connsiteX45" fmla="*/ 369665 w 419100"/>
                  <a:gd name="connsiteY45" fmla="*/ 351854 h 418719"/>
                  <a:gd name="connsiteX46" fmla="*/ 396716 w 419100"/>
                  <a:gd name="connsiteY46" fmla="*/ 351854 h 418719"/>
                  <a:gd name="connsiteX47" fmla="*/ 419100 w 419100"/>
                  <a:gd name="connsiteY47" fmla="*/ 329470 h 418719"/>
                  <a:gd name="connsiteX48" fmla="*/ 419100 w 419100"/>
                  <a:gd name="connsiteY48" fmla="*/ 169450 h 418719"/>
                  <a:gd name="connsiteX49" fmla="*/ 396716 w 419100"/>
                  <a:gd name="connsiteY49" fmla="*/ 147066 h 418719"/>
                  <a:gd name="connsiteX50" fmla="*/ 401479 w 419100"/>
                  <a:gd name="connsiteY50" fmla="*/ 329851 h 418719"/>
                  <a:gd name="connsiteX51" fmla="*/ 397290 w 419100"/>
                  <a:gd name="connsiteY51" fmla="*/ 334232 h 418719"/>
                  <a:gd name="connsiteX52" fmla="*/ 397097 w 419100"/>
                  <a:gd name="connsiteY52" fmla="*/ 334232 h 418719"/>
                  <a:gd name="connsiteX53" fmla="*/ 356616 w 419100"/>
                  <a:gd name="connsiteY53" fmla="*/ 334232 h 418719"/>
                  <a:gd name="connsiteX54" fmla="*/ 347663 w 419100"/>
                  <a:gd name="connsiteY54" fmla="*/ 343757 h 418719"/>
                  <a:gd name="connsiteX55" fmla="*/ 347663 w 419100"/>
                  <a:gd name="connsiteY55" fmla="*/ 381857 h 418719"/>
                  <a:gd name="connsiteX56" fmla="*/ 345091 w 419100"/>
                  <a:gd name="connsiteY56" fmla="*/ 385858 h 418719"/>
                  <a:gd name="connsiteX57" fmla="*/ 343281 w 419100"/>
                  <a:gd name="connsiteY57" fmla="*/ 385858 h 418719"/>
                  <a:gd name="connsiteX58" fmla="*/ 340423 w 419100"/>
                  <a:gd name="connsiteY58" fmla="*/ 384810 h 418719"/>
                  <a:gd name="connsiteX59" fmla="*/ 282131 w 419100"/>
                  <a:gd name="connsiteY59" fmla="*/ 336233 h 418719"/>
                  <a:gd name="connsiteX60" fmla="*/ 276416 w 419100"/>
                  <a:gd name="connsiteY60" fmla="*/ 334137 h 418719"/>
                  <a:gd name="connsiteX61" fmla="*/ 156020 w 419100"/>
                  <a:gd name="connsiteY61" fmla="*/ 334137 h 418719"/>
                  <a:gd name="connsiteX62" fmla="*/ 151638 w 419100"/>
                  <a:gd name="connsiteY62" fmla="*/ 329756 h 418719"/>
                  <a:gd name="connsiteX63" fmla="*/ 151638 w 419100"/>
                  <a:gd name="connsiteY63" fmla="*/ 169450 h 418719"/>
                  <a:gd name="connsiteX64" fmla="*/ 156020 w 419100"/>
                  <a:gd name="connsiteY64" fmla="*/ 165068 h 418719"/>
                  <a:gd name="connsiteX65" fmla="*/ 396716 w 419100"/>
                  <a:gd name="connsiteY65" fmla="*/ 165068 h 418719"/>
                  <a:gd name="connsiteX66" fmla="*/ 401098 w 419100"/>
                  <a:gd name="connsiteY66" fmla="*/ 169259 h 418719"/>
                  <a:gd name="connsiteX67" fmla="*/ 401098 w 419100"/>
                  <a:gd name="connsiteY67" fmla="*/ 169450 h 418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Lst>
                <a:rect l="l" t="t" r="r" b="b"/>
                <a:pathLst>
                  <a:path w="419100" h="418719">
                    <a:moveTo>
                      <a:pt x="396716" y="147066"/>
                    </a:moveTo>
                    <a:lnTo>
                      <a:pt x="156020" y="147066"/>
                    </a:lnTo>
                    <a:cubicBezTo>
                      <a:pt x="143694" y="147123"/>
                      <a:pt x="133731" y="157124"/>
                      <a:pt x="133731" y="169450"/>
                    </a:cubicBezTo>
                    <a:lnTo>
                      <a:pt x="133731" y="189929"/>
                    </a:lnTo>
                    <a:cubicBezTo>
                      <a:pt x="133711" y="191224"/>
                      <a:pt x="133118" y="192443"/>
                      <a:pt x="132112" y="193262"/>
                    </a:cubicBezTo>
                    <a:lnTo>
                      <a:pt x="78581" y="237839"/>
                    </a:lnTo>
                    <a:cubicBezTo>
                      <a:pt x="77818" y="238516"/>
                      <a:pt x="76836" y="238887"/>
                      <a:pt x="75819" y="238887"/>
                    </a:cubicBezTo>
                    <a:cubicBezTo>
                      <a:pt x="75157" y="238868"/>
                      <a:pt x="74508" y="238706"/>
                      <a:pt x="73914" y="238411"/>
                    </a:cubicBezTo>
                    <a:cubicBezTo>
                      <a:pt x="72381" y="237725"/>
                      <a:pt x="71405" y="236182"/>
                      <a:pt x="71438" y="234506"/>
                    </a:cubicBezTo>
                    <a:lnTo>
                      <a:pt x="71438" y="196406"/>
                    </a:lnTo>
                    <a:cubicBezTo>
                      <a:pt x="71202" y="191548"/>
                      <a:pt x="67342" y="187643"/>
                      <a:pt x="62484" y="187357"/>
                    </a:cubicBezTo>
                    <a:lnTo>
                      <a:pt x="22289" y="187357"/>
                    </a:lnTo>
                    <a:cubicBezTo>
                      <a:pt x="19868" y="187357"/>
                      <a:pt x="17907" y="185395"/>
                      <a:pt x="17907" y="182975"/>
                    </a:cubicBezTo>
                    <a:lnTo>
                      <a:pt x="17907" y="22384"/>
                    </a:lnTo>
                    <a:cubicBezTo>
                      <a:pt x="17907" y="19964"/>
                      <a:pt x="19868" y="18002"/>
                      <a:pt x="22289" y="18002"/>
                    </a:cubicBezTo>
                    <a:lnTo>
                      <a:pt x="262985" y="18002"/>
                    </a:lnTo>
                    <a:cubicBezTo>
                      <a:pt x="265352" y="17945"/>
                      <a:pt x="267313" y="19822"/>
                      <a:pt x="267367" y="22193"/>
                    </a:cubicBezTo>
                    <a:cubicBezTo>
                      <a:pt x="267369" y="22260"/>
                      <a:pt x="267369" y="22317"/>
                      <a:pt x="267367" y="22384"/>
                    </a:cubicBezTo>
                    <a:lnTo>
                      <a:pt x="267367" y="149638"/>
                    </a:lnTo>
                    <a:cubicBezTo>
                      <a:pt x="267879" y="154610"/>
                      <a:pt x="272324" y="158220"/>
                      <a:pt x="277295" y="157715"/>
                    </a:cubicBezTo>
                    <a:cubicBezTo>
                      <a:pt x="281559" y="157277"/>
                      <a:pt x="284930" y="153905"/>
                      <a:pt x="285369" y="149638"/>
                    </a:cubicBezTo>
                    <a:lnTo>
                      <a:pt x="285369" y="22384"/>
                    </a:lnTo>
                    <a:cubicBezTo>
                      <a:pt x="285369" y="10020"/>
                      <a:pt x="275348" y="0"/>
                      <a:pt x="262985" y="0"/>
                    </a:cubicBezTo>
                    <a:lnTo>
                      <a:pt x="22289" y="0"/>
                    </a:lnTo>
                    <a:cubicBezTo>
                      <a:pt x="9963" y="57"/>
                      <a:pt x="0" y="10058"/>
                      <a:pt x="0" y="22384"/>
                    </a:cubicBezTo>
                    <a:lnTo>
                      <a:pt x="0" y="182785"/>
                    </a:lnTo>
                    <a:cubicBezTo>
                      <a:pt x="0" y="195110"/>
                      <a:pt x="9963" y="205111"/>
                      <a:pt x="22289" y="205169"/>
                    </a:cubicBezTo>
                    <a:lnTo>
                      <a:pt x="49054" y="205169"/>
                    </a:lnTo>
                    <a:cubicBezTo>
                      <a:pt x="51421" y="205111"/>
                      <a:pt x="53382" y="206988"/>
                      <a:pt x="53435" y="209360"/>
                    </a:cubicBezTo>
                    <a:cubicBezTo>
                      <a:pt x="53437" y="209426"/>
                      <a:pt x="53437" y="209483"/>
                      <a:pt x="53435" y="209550"/>
                    </a:cubicBezTo>
                    <a:lnTo>
                      <a:pt x="53435" y="262985"/>
                    </a:lnTo>
                    <a:cubicBezTo>
                      <a:pt x="53551" y="266472"/>
                      <a:pt x="55560" y="269615"/>
                      <a:pt x="58674" y="271177"/>
                    </a:cubicBezTo>
                    <a:cubicBezTo>
                      <a:pt x="59861" y="271748"/>
                      <a:pt x="61165" y="272044"/>
                      <a:pt x="62484" y="272034"/>
                    </a:cubicBezTo>
                    <a:cubicBezTo>
                      <a:pt x="64576" y="272025"/>
                      <a:pt x="66597" y="271282"/>
                      <a:pt x="68199" y="269939"/>
                    </a:cubicBezTo>
                    <a:lnTo>
                      <a:pt x="126492" y="221361"/>
                    </a:lnTo>
                    <a:cubicBezTo>
                      <a:pt x="127288" y="220685"/>
                      <a:pt x="128303" y="220313"/>
                      <a:pt x="129350" y="220313"/>
                    </a:cubicBezTo>
                    <a:cubicBezTo>
                      <a:pt x="131709" y="220456"/>
                      <a:pt x="133591" y="222333"/>
                      <a:pt x="133731" y="224695"/>
                    </a:cubicBezTo>
                    <a:lnTo>
                      <a:pt x="133731" y="329470"/>
                    </a:lnTo>
                    <a:cubicBezTo>
                      <a:pt x="133731" y="341795"/>
                      <a:pt x="143694" y="351806"/>
                      <a:pt x="156020" y="351854"/>
                    </a:cubicBezTo>
                    <a:lnTo>
                      <a:pt x="271558" y="351854"/>
                    </a:lnTo>
                    <a:cubicBezTo>
                      <a:pt x="272575" y="351854"/>
                      <a:pt x="273557" y="352225"/>
                      <a:pt x="274320" y="352901"/>
                    </a:cubicBezTo>
                    <a:lnTo>
                      <a:pt x="350520" y="416624"/>
                    </a:lnTo>
                    <a:cubicBezTo>
                      <a:pt x="352170" y="417948"/>
                      <a:pt x="354215" y="418681"/>
                      <a:pt x="356330" y="418719"/>
                    </a:cubicBezTo>
                    <a:cubicBezTo>
                      <a:pt x="361276" y="418719"/>
                      <a:pt x="365284" y="414709"/>
                      <a:pt x="365284" y="409766"/>
                    </a:cubicBezTo>
                    <a:lnTo>
                      <a:pt x="365284" y="356235"/>
                    </a:lnTo>
                    <a:cubicBezTo>
                      <a:pt x="365334" y="353835"/>
                      <a:pt x="367267" y="351901"/>
                      <a:pt x="369665" y="351854"/>
                    </a:cubicBezTo>
                    <a:lnTo>
                      <a:pt x="396716" y="351854"/>
                    </a:lnTo>
                    <a:cubicBezTo>
                      <a:pt x="409079" y="351854"/>
                      <a:pt x="419100" y="341833"/>
                      <a:pt x="419100" y="329470"/>
                    </a:cubicBezTo>
                    <a:lnTo>
                      <a:pt x="419100" y="169450"/>
                    </a:lnTo>
                    <a:cubicBezTo>
                      <a:pt x="419100" y="157086"/>
                      <a:pt x="409079" y="147066"/>
                      <a:pt x="396716" y="147066"/>
                    </a:cubicBezTo>
                    <a:close/>
                    <a:moveTo>
                      <a:pt x="401479" y="329851"/>
                    </a:moveTo>
                    <a:cubicBezTo>
                      <a:pt x="401532" y="332213"/>
                      <a:pt x="399657" y="334175"/>
                      <a:pt x="397290" y="334232"/>
                    </a:cubicBezTo>
                    <a:cubicBezTo>
                      <a:pt x="397226" y="334232"/>
                      <a:pt x="397161" y="334232"/>
                      <a:pt x="397097" y="334232"/>
                    </a:cubicBezTo>
                    <a:lnTo>
                      <a:pt x="356616" y="334232"/>
                    </a:lnTo>
                    <a:cubicBezTo>
                      <a:pt x="351580" y="334537"/>
                      <a:pt x="347653" y="338709"/>
                      <a:pt x="347663" y="343757"/>
                    </a:cubicBezTo>
                    <a:lnTo>
                      <a:pt x="347663" y="381857"/>
                    </a:lnTo>
                    <a:cubicBezTo>
                      <a:pt x="347621" y="383562"/>
                      <a:pt x="346629" y="385115"/>
                      <a:pt x="345091" y="385858"/>
                    </a:cubicBezTo>
                    <a:cubicBezTo>
                      <a:pt x="344495" y="385991"/>
                      <a:pt x="343876" y="385991"/>
                      <a:pt x="343281" y="385858"/>
                    </a:cubicBezTo>
                    <a:cubicBezTo>
                      <a:pt x="342237" y="385848"/>
                      <a:pt x="341228" y="385477"/>
                      <a:pt x="340423" y="384810"/>
                    </a:cubicBezTo>
                    <a:lnTo>
                      <a:pt x="282131" y="336233"/>
                    </a:lnTo>
                    <a:cubicBezTo>
                      <a:pt x="280528" y="334890"/>
                      <a:pt x="278507" y="334147"/>
                      <a:pt x="276416" y="334137"/>
                    </a:cubicBezTo>
                    <a:lnTo>
                      <a:pt x="156020" y="334137"/>
                    </a:lnTo>
                    <a:cubicBezTo>
                      <a:pt x="153600" y="334137"/>
                      <a:pt x="151638" y="332175"/>
                      <a:pt x="151638" y="329756"/>
                    </a:cubicBezTo>
                    <a:lnTo>
                      <a:pt x="151638" y="169450"/>
                    </a:lnTo>
                    <a:cubicBezTo>
                      <a:pt x="151638" y="167031"/>
                      <a:pt x="153599" y="165068"/>
                      <a:pt x="156020" y="165068"/>
                    </a:cubicBezTo>
                    <a:lnTo>
                      <a:pt x="396716" y="165068"/>
                    </a:lnTo>
                    <a:cubicBezTo>
                      <a:pt x="399083" y="165011"/>
                      <a:pt x="401044" y="166888"/>
                      <a:pt x="401098" y="169259"/>
                    </a:cubicBezTo>
                    <a:cubicBezTo>
                      <a:pt x="401100" y="169326"/>
                      <a:pt x="401100" y="169383"/>
                      <a:pt x="401098" y="169450"/>
                    </a:cubicBezTo>
                    <a:close/>
                  </a:path>
                </a:pathLst>
              </a:custGeom>
              <a:solidFill>
                <a:srgbClr val="265998"/>
              </a:solidFill>
              <a:ln w="9525" cap="flat">
                <a:noFill/>
                <a:prstDash val="solid"/>
                <a:miter/>
              </a:ln>
            </p:spPr>
            <p:txBody>
              <a:bodyPr rtlCol="0" anchor="ctr"/>
              <a:lstStyle/>
              <a:p>
                <a:endParaRPr lang="en-AU" sz="153"/>
              </a:p>
            </p:txBody>
          </p:sp>
          <p:sp>
            <p:nvSpPr>
              <p:cNvPr id="75" name="Graphic 2">
                <a:extLst>
                  <a:ext uri="{FF2B5EF4-FFF2-40B4-BE49-F238E27FC236}">
                    <a16:creationId xmlns:a16="http://schemas.microsoft.com/office/drawing/2014/main" id="{C75CA05B-0B19-A7E6-E993-AE4E51B4CA37}"/>
                  </a:ext>
                </a:extLst>
              </p:cNvPr>
              <p:cNvSpPr/>
              <p:nvPr/>
            </p:nvSpPr>
            <p:spPr>
              <a:xfrm>
                <a:off x="1371954" y="2401093"/>
                <a:ext cx="149595" cy="18002"/>
              </a:xfrm>
              <a:custGeom>
                <a:avLst/>
                <a:gdLst>
                  <a:gd name="connsiteX0" fmla="*/ 141473 w 149595"/>
                  <a:gd name="connsiteY0" fmla="*/ 0 h 18002"/>
                  <a:gd name="connsiteX1" fmla="*/ 8123 w 149595"/>
                  <a:gd name="connsiteY1" fmla="*/ 0 h 18002"/>
                  <a:gd name="connsiteX2" fmla="*/ 48 w 149595"/>
                  <a:gd name="connsiteY2" fmla="*/ 9925 h 18002"/>
                  <a:gd name="connsiteX3" fmla="*/ 8123 w 149595"/>
                  <a:gd name="connsiteY3" fmla="*/ 18002 h 18002"/>
                  <a:gd name="connsiteX4" fmla="*/ 141473 w 149595"/>
                  <a:gd name="connsiteY4" fmla="*/ 18002 h 18002"/>
                  <a:gd name="connsiteX5" fmla="*/ 149547 w 149595"/>
                  <a:gd name="connsiteY5" fmla="*/ 8077 h 18002"/>
                  <a:gd name="connsiteX6" fmla="*/ 141473 w 149595"/>
                  <a:gd name="connsiteY6"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9595" h="18002">
                    <a:moveTo>
                      <a:pt x="141473" y="0"/>
                    </a:moveTo>
                    <a:lnTo>
                      <a:pt x="8123" y="0"/>
                    </a:lnTo>
                    <a:cubicBezTo>
                      <a:pt x="3152" y="514"/>
                      <a:pt x="-463" y="4953"/>
                      <a:pt x="48" y="9925"/>
                    </a:cubicBezTo>
                    <a:cubicBezTo>
                      <a:pt x="487" y="14192"/>
                      <a:pt x="3858" y="17564"/>
                      <a:pt x="8123" y="18002"/>
                    </a:cubicBezTo>
                    <a:lnTo>
                      <a:pt x="141473" y="18002"/>
                    </a:lnTo>
                    <a:cubicBezTo>
                      <a:pt x="146444" y="17488"/>
                      <a:pt x="150058" y="13049"/>
                      <a:pt x="149547" y="8077"/>
                    </a:cubicBezTo>
                    <a:cubicBezTo>
                      <a:pt x="149108" y="3810"/>
                      <a:pt x="145737" y="438"/>
                      <a:pt x="141473" y="0"/>
                    </a:cubicBezTo>
                    <a:close/>
                  </a:path>
                </a:pathLst>
              </a:custGeom>
              <a:solidFill>
                <a:srgbClr val="265998"/>
              </a:solidFill>
              <a:ln w="9525" cap="flat">
                <a:noFill/>
                <a:prstDash val="solid"/>
                <a:miter/>
              </a:ln>
            </p:spPr>
            <p:txBody>
              <a:bodyPr rtlCol="0" anchor="ctr"/>
              <a:lstStyle/>
              <a:p>
                <a:endParaRPr lang="en-AU" sz="153"/>
              </a:p>
            </p:txBody>
          </p:sp>
          <p:sp>
            <p:nvSpPr>
              <p:cNvPr id="76" name="Graphic 2">
                <a:extLst>
                  <a:ext uri="{FF2B5EF4-FFF2-40B4-BE49-F238E27FC236}">
                    <a16:creationId xmlns:a16="http://schemas.microsoft.com/office/drawing/2014/main" id="{AEBDF5C5-6114-6240-B632-853E82EE21F1}"/>
                  </a:ext>
                </a:extLst>
              </p:cNvPr>
              <p:cNvSpPr/>
              <p:nvPr/>
            </p:nvSpPr>
            <p:spPr>
              <a:xfrm>
                <a:off x="1371954" y="2454529"/>
                <a:ext cx="149595" cy="18002"/>
              </a:xfrm>
              <a:custGeom>
                <a:avLst/>
                <a:gdLst>
                  <a:gd name="connsiteX0" fmla="*/ 141473 w 149595"/>
                  <a:gd name="connsiteY0" fmla="*/ 0 h 18002"/>
                  <a:gd name="connsiteX1" fmla="*/ 8123 w 149595"/>
                  <a:gd name="connsiteY1" fmla="*/ 0 h 18002"/>
                  <a:gd name="connsiteX2" fmla="*/ 48 w 149595"/>
                  <a:gd name="connsiteY2" fmla="*/ 9925 h 18002"/>
                  <a:gd name="connsiteX3" fmla="*/ 8123 w 149595"/>
                  <a:gd name="connsiteY3" fmla="*/ 18002 h 18002"/>
                  <a:gd name="connsiteX4" fmla="*/ 141473 w 149595"/>
                  <a:gd name="connsiteY4" fmla="*/ 18002 h 18002"/>
                  <a:gd name="connsiteX5" fmla="*/ 149547 w 149595"/>
                  <a:gd name="connsiteY5" fmla="*/ 8077 h 18002"/>
                  <a:gd name="connsiteX6" fmla="*/ 141473 w 149595"/>
                  <a:gd name="connsiteY6"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9595" h="18002">
                    <a:moveTo>
                      <a:pt x="141473" y="0"/>
                    </a:moveTo>
                    <a:lnTo>
                      <a:pt x="8123" y="0"/>
                    </a:lnTo>
                    <a:cubicBezTo>
                      <a:pt x="3152" y="514"/>
                      <a:pt x="-463" y="4953"/>
                      <a:pt x="48" y="9925"/>
                    </a:cubicBezTo>
                    <a:cubicBezTo>
                      <a:pt x="487" y="14192"/>
                      <a:pt x="3858" y="17564"/>
                      <a:pt x="8123" y="18002"/>
                    </a:cubicBezTo>
                    <a:lnTo>
                      <a:pt x="141473" y="18002"/>
                    </a:lnTo>
                    <a:cubicBezTo>
                      <a:pt x="146444" y="17488"/>
                      <a:pt x="150058" y="13049"/>
                      <a:pt x="149547" y="8077"/>
                    </a:cubicBezTo>
                    <a:cubicBezTo>
                      <a:pt x="149108" y="3810"/>
                      <a:pt x="145737" y="438"/>
                      <a:pt x="141473" y="0"/>
                    </a:cubicBezTo>
                    <a:close/>
                  </a:path>
                </a:pathLst>
              </a:custGeom>
              <a:solidFill>
                <a:srgbClr val="265998"/>
              </a:solidFill>
              <a:ln w="9525" cap="flat">
                <a:noFill/>
                <a:prstDash val="solid"/>
                <a:miter/>
              </a:ln>
            </p:spPr>
            <p:txBody>
              <a:bodyPr rtlCol="0" anchor="ctr"/>
              <a:lstStyle/>
              <a:p>
                <a:endParaRPr lang="en-AU" sz="153"/>
              </a:p>
            </p:txBody>
          </p:sp>
          <p:sp>
            <p:nvSpPr>
              <p:cNvPr id="77" name="Graphic 2">
                <a:extLst>
                  <a:ext uri="{FF2B5EF4-FFF2-40B4-BE49-F238E27FC236}">
                    <a16:creationId xmlns:a16="http://schemas.microsoft.com/office/drawing/2014/main" id="{440D97B2-F1D9-8032-9B88-779604F57750}"/>
                  </a:ext>
                </a:extLst>
              </p:cNvPr>
              <p:cNvSpPr/>
              <p:nvPr/>
            </p:nvSpPr>
            <p:spPr>
              <a:xfrm>
                <a:off x="1237392" y="2254027"/>
                <a:ext cx="151257" cy="17907"/>
              </a:xfrm>
              <a:custGeom>
                <a:avLst/>
                <a:gdLst>
                  <a:gd name="connsiteX0" fmla="*/ 151257 w 151257"/>
                  <a:gd name="connsiteY0" fmla="*/ 8954 h 17907"/>
                  <a:gd name="connsiteX1" fmla="*/ 142303 w 151257"/>
                  <a:gd name="connsiteY1" fmla="*/ 0 h 17907"/>
                  <a:gd name="connsiteX2" fmla="*/ 8953 w 151257"/>
                  <a:gd name="connsiteY2" fmla="*/ 0 h 17907"/>
                  <a:gd name="connsiteX3" fmla="*/ 0 w 151257"/>
                  <a:gd name="connsiteY3" fmla="*/ 8954 h 17907"/>
                  <a:gd name="connsiteX4" fmla="*/ 8953 w 151257"/>
                  <a:gd name="connsiteY4" fmla="*/ 17907 h 17907"/>
                  <a:gd name="connsiteX5" fmla="*/ 142303 w 151257"/>
                  <a:gd name="connsiteY5" fmla="*/ 17907 h 17907"/>
                  <a:gd name="connsiteX6" fmla="*/ 151257 w 151257"/>
                  <a:gd name="connsiteY6" fmla="*/ 8954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51257" h="17907">
                    <a:moveTo>
                      <a:pt x="151257" y="8954"/>
                    </a:moveTo>
                    <a:cubicBezTo>
                      <a:pt x="151257" y="4010"/>
                      <a:pt x="147248" y="0"/>
                      <a:pt x="142303" y="0"/>
                    </a:cubicBezTo>
                    <a:lnTo>
                      <a:pt x="8953" y="0"/>
                    </a:lnTo>
                    <a:cubicBezTo>
                      <a:pt x="4009" y="0"/>
                      <a:pt x="0" y="4010"/>
                      <a:pt x="0" y="8954"/>
                    </a:cubicBezTo>
                    <a:cubicBezTo>
                      <a:pt x="0" y="13897"/>
                      <a:pt x="4009" y="17907"/>
                      <a:pt x="8953" y="17907"/>
                    </a:cubicBezTo>
                    <a:lnTo>
                      <a:pt x="142303" y="17907"/>
                    </a:lnTo>
                    <a:cubicBezTo>
                      <a:pt x="147248" y="17907"/>
                      <a:pt x="151257" y="13897"/>
                      <a:pt x="151257" y="8954"/>
                    </a:cubicBezTo>
                    <a:close/>
                  </a:path>
                </a:pathLst>
              </a:custGeom>
              <a:solidFill>
                <a:srgbClr val="265998"/>
              </a:solidFill>
              <a:ln w="9525" cap="flat">
                <a:noFill/>
                <a:prstDash val="solid"/>
                <a:miter/>
              </a:ln>
            </p:spPr>
            <p:txBody>
              <a:bodyPr rtlCol="0" anchor="ctr"/>
              <a:lstStyle/>
              <a:p>
                <a:endParaRPr lang="en-AU" sz="153"/>
              </a:p>
            </p:txBody>
          </p:sp>
          <p:sp>
            <p:nvSpPr>
              <p:cNvPr id="78" name="Graphic 2">
                <a:extLst>
                  <a:ext uri="{FF2B5EF4-FFF2-40B4-BE49-F238E27FC236}">
                    <a16:creationId xmlns:a16="http://schemas.microsoft.com/office/drawing/2014/main" id="{B7201523-4896-7A47-8123-C12FE9008153}"/>
                  </a:ext>
                </a:extLst>
              </p:cNvPr>
              <p:cNvSpPr/>
              <p:nvPr/>
            </p:nvSpPr>
            <p:spPr>
              <a:xfrm>
                <a:off x="1237842" y="2307462"/>
                <a:ext cx="56154" cy="18002"/>
              </a:xfrm>
              <a:custGeom>
                <a:avLst/>
                <a:gdLst>
                  <a:gd name="connsiteX0" fmla="*/ 8123 w 56154"/>
                  <a:gd name="connsiteY0" fmla="*/ 0 h 18002"/>
                  <a:gd name="connsiteX1" fmla="*/ 48 w 56154"/>
                  <a:gd name="connsiteY1" fmla="*/ 9925 h 18002"/>
                  <a:gd name="connsiteX2" fmla="*/ 8123 w 56154"/>
                  <a:gd name="connsiteY2" fmla="*/ 18002 h 18002"/>
                  <a:gd name="connsiteX3" fmla="*/ 48032 w 56154"/>
                  <a:gd name="connsiteY3" fmla="*/ 18002 h 18002"/>
                  <a:gd name="connsiteX4" fmla="*/ 56107 w 56154"/>
                  <a:gd name="connsiteY4" fmla="*/ 8077 h 18002"/>
                  <a:gd name="connsiteX5" fmla="*/ 48032 w 56154"/>
                  <a:gd name="connsiteY5"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6154" h="18002">
                    <a:moveTo>
                      <a:pt x="8123" y="0"/>
                    </a:moveTo>
                    <a:cubicBezTo>
                      <a:pt x="3151" y="514"/>
                      <a:pt x="-463" y="4953"/>
                      <a:pt x="48" y="9925"/>
                    </a:cubicBezTo>
                    <a:cubicBezTo>
                      <a:pt x="488" y="14192"/>
                      <a:pt x="3858" y="17564"/>
                      <a:pt x="8123" y="18002"/>
                    </a:cubicBezTo>
                    <a:lnTo>
                      <a:pt x="48032" y="18002"/>
                    </a:lnTo>
                    <a:cubicBezTo>
                      <a:pt x="53003" y="17488"/>
                      <a:pt x="56618" y="13049"/>
                      <a:pt x="56107" y="8077"/>
                    </a:cubicBezTo>
                    <a:cubicBezTo>
                      <a:pt x="55668" y="3810"/>
                      <a:pt x="52297" y="438"/>
                      <a:pt x="48032" y="0"/>
                    </a:cubicBezTo>
                    <a:close/>
                  </a:path>
                </a:pathLst>
              </a:custGeom>
              <a:solidFill>
                <a:srgbClr val="265998"/>
              </a:solidFill>
              <a:ln w="9525" cap="flat">
                <a:noFill/>
                <a:prstDash val="solid"/>
                <a:miter/>
              </a:ln>
            </p:spPr>
            <p:txBody>
              <a:bodyPr rtlCol="0" anchor="ctr"/>
              <a:lstStyle/>
              <a:p>
                <a:endParaRPr lang="en-AU" sz="153"/>
              </a:p>
            </p:txBody>
          </p:sp>
        </p:grpSp>
        <p:grpSp>
          <p:nvGrpSpPr>
            <p:cNvPr id="79" name="Group 78">
              <a:extLst>
                <a:ext uri="{FF2B5EF4-FFF2-40B4-BE49-F238E27FC236}">
                  <a16:creationId xmlns:a16="http://schemas.microsoft.com/office/drawing/2014/main" id="{EEFEBC39-F055-B81C-D06E-629DC5F70377}"/>
                </a:ext>
              </a:extLst>
            </p:cNvPr>
            <p:cNvGrpSpPr/>
            <p:nvPr/>
          </p:nvGrpSpPr>
          <p:grpSpPr>
            <a:xfrm>
              <a:off x="432670" y="2344725"/>
              <a:ext cx="676865" cy="749091"/>
              <a:chOff x="3946778" y="2187162"/>
              <a:chExt cx="418433" cy="419192"/>
            </a:xfrm>
          </p:grpSpPr>
          <p:sp>
            <p:nvSpPr>
              <p:cNvPr id="80" name="Graphic 2">
                <a:extLst>
                  <a:ext uri="{FF2B5EF4-FFF2-40B4-BE49-F238E27FC236}">
                    <a16:creationId xmlns:a16="http://schemas.microsoft.com/office/drawing/2014/main" id="{6D760872-00A4-5036-14A0-A0F29495D496}"/>
                  </a:ext>
                </a:extLst>
              </p:cNvPr>
              <p:cNvSpPr/>
              <p:nvPr/>
            </p:nvSpPr>
            <p:spPr>
              <a:xfrm>
                <a:off x="3957351" y="2300890"/>
                <a:ext cx="51244" cy="196405"/>
              </a:xfrm>
              <a:custGeom>
                <a:avLst/>
                <a:gdLst>
                  <a:gd name="connsiteX0" fmla="*/ 0 w 51244"/>
                  <a:gd name="connsiteY0" fmla="*/ 0 h 196405"/>
                  <a:gd name="connsiteX1" fmla="*/ 51245 w 51244"/>
                  <a:gd name="connsiteY1" fmla="*/ 0 h 196405"/>
                  <a:gd name="connsiteX2" fmla="*/ 51245 w 51244"/>
                  <a:gd name="connsiteY2" fmla="*/ 196405 h 196405"/>
                  <a:gd name="connsiteX3" fmla="*/ 0 w 51244"/>
                  <a:gd name="connsiteY3" fmla="*/ 196405 h 196405"/>
                </a:gdLst>
                <a:ahLst/>
                <a:cxnLst>
                  <a:cxn ang="0">
                    <a:pos x="connsiteX0" y="connsiteY0"/>
                  </a:cxn>
                  <a:cxn ang="0">
                    <a:pos x="connsiteX1" y="connsiteY1"/>
                  </a:cxn>
                  <a:cxn ang="0">
                    <a:pos x="connsiteX2" y="connsiteY2"/>
                  </a:cxn>
                  <a:cxn ang="0">
                    <a:pos x="connsiteX3" y="connsiteY3"/>
                  </a:cxn>
                </a:cxnLst>
                <a:rect l="l" t="t" r="r" b="b"/>
                <a:pathLst>
                  <a:path w="51244" h="196405">
                    <a:moveTo>
                      <a:pt x="0" y="0"/>
                    </a:moveTo>
                    <a:lnTo>
                      <a:pt x="51245" y="0"/>
                    </a:lnTo>
                    <a:lnTo>
                      <a:pt x="51245" y="196405"/>
                    </a:lnTo>
                    <a:lnTo>
                      <a:pt x="0" y="196405"/>
                    </a:lnTo>
                    <a:close/>
                  </a:path>
                </a:pathLst>
              </a:custGeom>
              <a:solidFill>
                <a:srgbClr val="C7E4F1"/>
              </a:solidFill>
              <a:ln w="9525" cap="flat">
                <a:noFill/>
                <a:prstDash val="solid"/>
                <a:miter/>
              </a:ln>
            </p:spPr>
            <p:txBody>
              <a:bodyPr rtlCol="0" anchor="ctr"/>
              <a:lstStyle/>
              <a:p>
                <a:endParaRPr lang="en-AU" sz="153"/>
              </a:p>
            </p:txBody>
          </p:sp>
          <p:sp>
            <p:nvSpPr>
              <p:cNvPr id="81" name="Graphic 2">
                <a:extLst>
                  <a:ext uri="{FF2B5EF4-FFF2-40B4-BE49-F238E27FC236}">
                    <a16:creationId xmlns:a16="http://schemas.microsoft.com/office/drawing/2014/main" id="{B3925AE3-BFF0-37CE-15F1-45A64540775B}"/>
                  </a:ext>
                </a:extLst>
              </p:cNvPr>
              <p:cNvSpPr/>
              <p:nvPr/>
            </p:nvSpPr>
            <p:spPr>
              <a:xfrm>
                <a:off x="4008596" y="2300890"/>
                <a:ext cx="51244" cy="196405"/>
              </a:xfrm>
              <a:custGeom>
                <a:avLst/>
                <a:gdLst>
                  <a:gd name="connsiteX0" fmla="*/ 0 w 51244"/>
                  <a:gd name="connsiteY0" fmla="*/ 0 h 196405"/>
                  <a:gd name="connsiteX1" fmla="*/ 51245 w 51244"/>
                  <a:gd name="connsiteY1" fmla="*/ 0 h 196405"/>
                  <a:gd name="connsiteX2" fmla="*/ 51245 w 51244"/>
                  <a:gd name="connsiteY2" fmla="*/ 196405 h 196405"/>
                  <a:gd name="connsiteX3" fmla="*/ 0 w 51244"/>
                  <a:gd name="connsiteY3" fmla="*/ 196405 h 196405"/>
                </a:gdLst>
                <a:ahLst/>
                <a:cxnLst>
                  <a:cxn ang="0">
                    <a:pos x="connsiteX0" y="connsiteY0"/>
                  </a:cxn>
                  <a:cxn ang="0">
                    <a:pos x="connsiteX1" y="connsiteY1"/>
                  </a:cxn>
                  <a:cxn ang="0">
                    <a:pos x="connsiteX2" y="connsiteY2"/>
                  </a:cxn>
                  <a:cxn ang="0">
                    <a:pos x="connsiteX3" y="connsiteY3"/>
                  </a:cxn>
                </a:cxnLst>
                <a:rect l="l" t="t" r="r" b="b"/>
                <a:pathLst>
                  <a:path w="51244" h="196405">
                    <a:moveTo>
                      <a:pt x="0" y="0"/>
                    </a:moveTo>
                    <a:lnTo>
                      <a:pt x="51245" y="0"/>
                    </a:lnTo>
                    <a:lnTo>
                      <a:pt x="51245" y="196405"/>
                    </a:lnTo>
                    <a:lnTo>
                      <a:pt x="0" y="196405"/>
                    </a:lnTo>
                    <a:close/>
                  </a:path>
                </a:pathLst>
              </a:custGeom>
              <a:solidFill>
                <a:srgbClr val="C7E4F1"/>
              </a:solidFill>
              <a:ln w="9525" cap="flat">
                <a:noFill/>
                <a:prstDash val="solid"/>
                <a:miter/>
              </a:ln>
            </p:spPr>
            <p:txBody>
              <a:bodyPr rtlCol="0" anchor="ctr"/>
              <a:lstStyle/>
              <a:p>
                <a:endParaRPr lang="en-AU" sz="153"/>
              </a:p>
            </p:txBody>
          </p:sp>
          <p:sp>
            <p:nvSpPr>
              <p:cNvPr id="82" name="Graphic 2">
                <a:extLst>
                  <a:ext uri="{FF2B5EF4-FFF2-40B4-BE49-F238E27FC236}">
                    <a16:creationId xmlns:a16="http://schemas.microsoft.com/office/drawing/2014/main" id="{4FC854D8-A617-B2AD-BE30-B21435B8E9BB}"/>
                  </a:ext>
                </a:extLst>
              </p:cNvPr>
              <p:cNvSpPr/>
              <p:nvPr/>
            </p:nvSpPr>
            <p:spPr>
              <a:xfrm>
                <a:off x="3957351" y="2201640"/>
                <a:ext cx="102488" cy="46005"/>
              </a:xfrm>
              <a:custGeom>
                <a:avLst/>
                <a:gdLst>
                  <a:gd name="connsiteX0" fmla="*/ 0 w 102488"/>
                  <a:gd name="connsiteY0" fmla="*/ 0 h 46005"/>
                  <a:gd name="connsiteX1" fmla="*/ 102489 w 102488"/>
                  <a:gd name="connsiteY1" fmla="*/ 0 h 46005"/>
                  <a:gd name="connsiteX2" fmla="*/ 102489 w 102488"/>
                  <a:gd name="connsiteY2" fmla="*/ 46006 h 46005"/>
                  <a:gd name="connsiteX3" fmla="*/ 0 w 102488"/>
                  <a:gd name="connsiteY3" fmla="*/ 46006 h 46005"/>
                </a:gdLst>
                <a:ahLst/>
                <a:cxnLst>
                  <a:cxn ang="0">
                    <a:pos x="connsiteX0" y="connsiteY0"/>
                  </a:cxn>
                  <a:cxn ang="0">
                    <a:pos x="connsiteX1" y="connsiteY1"/>
                  </a:cxn>
                  <a:cxn ang="0">
                    <a:pos x="connsiteX2" y="connsiteY2"/>
                  </a:cxn>
                  <a:cxn ang="0">
                    <a:pos x="connsiteX3" y="connsiteY3"/>
                  </a:cxn>
                </a:cxnLst>
                <a:rect l="l" t="t" r="r" b="b"/>
                <a:pathLst>
                  <a:path w="102488" h="46005">
                    <a:moveTo>
                      <a:pt x="0" y="0"/>
                    </a:moveTo>
                    <a:lnTo>
                      <a:pt x="102489" y="0"/>
                    </a:lnTo>
                    <a:lnTo>
                      <a:pt x="102489" y="46006"/>
                    </a:lnTo>
                    <a:lnTo>
                      <a:pt x="0" y="46006"/>
                    </a:lnTo>
                    <a:close/>
                  </a:path>
                </a:pathLst>
              </a:custGeom>
              <a:solidFill>
                <a:srgbClr val="66B9DA"/>
              </a:solidFill>
              <a:ln w="9525" cap="flat">
                <a:noFill/>
                <a:prstDash val="solid"/>
                <a:miter/>
              </a:ln>
            </p:spPr>
            <p:txBody>
              <a:bodyPr rtlCol="0" anchor="ctr"/>
              <a:lstStyle/>
              <a:p>
                <a:endParaRPr lang="en-AU" sz="153"/>
              </a:p>
            </p:txBody>
          </p:sp>
          <p:sp>
            <p:nvSpPr>
              <p:cNvPr id="83" name="Graphic 2">
                <a:extLst>
                  <a:ext uri="{FF2B5EF4-FFF2-40B4-BE49-F238E27FC236}">
                    <a16:creationId xmlns:a16="http://schemas.microsoft.com/office/drawing/2014/main" id="{C7625F49-9878-F81A-D4D1-3409AE62A40E}"/>
                  </a:ext>
                </a:extLst>
              </p:cNvPr>
              <p:cNvSpPr/>
              <p:nvPr/>
            </p:nvSpPr>
            <p:spPr>
              <a:xfrm>
                <a:off x="4124515" y="2205164"/>
                <a:ext cx="223170" cy="263366"/>
              </a:xfrm>
              <a:custGeom>
                <a:avLst/>
                <a:gdLst>
                  <a:gd name="connsiteX0" fmla="*/ 218885 w 223170"/>
                  <a:gd name="connsiteY0" fmla="*/ 0 h 263366"/>
                  <a:gd name="connsiteX1" fmla="*/ 4286 w 223170"/>
                  <a:gd name="connsiteY1" fmla="*/ 0 h 263366"/>
                  <a:gd name="connsiteX2" fmla="*/ 0 w 223170"/>
                  <a:gd name="connsiteY2" fmla="*/ 4286 h 263366"/>
                  <a:gd name="connsiteX3" fmla="*/ 0 w 223170"/>
                  <a:gd name="connsiteY3" fmla="*/ 178308 h 263366"/>
                  <a:gd name="connsiteX4" fmla="*/ 4286 w 223170"/>
                  <a:gd name="connsiteY4" fmla="*/ 182594 h 263366"/>
                  <a:gd name="connsiteX5" fmla="*/ 70295 w 223170"/>
                  <a:gd name="connsiteY5" fmla="*/ 182594 h 263366"/>
                  <a:gd name="connsiteX6" fmla="*/ 74295 w 223170"/>
                  <a:gd name="connsiteY6" fmla="*/ 263366 h 263366"/>
                  <a:gd name="connsiteX7" fmla="*/ 171260 w 223170"/>
                  <a:gd name="connsiteY7" fmla="*/ 182594 h 263366"/>
                  <a:gd name="connsiteX8" fmla="*/ 218885 w 223170"/>
                  <a:gd name="connsiteY8" fmla="*/ 182594 h 263366"/>
                  <a:gd name="connsiteX9" fmla="*/ 223171 w 223170"/>
                  <a:gd name="connsiteY9" fmla="*/ 178308 h 263366"/>
                  <a:gd name="connsiteX10" fmla="*/ 223171 w 223170"/>
                  <a:gd name="connsiteY10" fmla="*/ 4286 h 263366"/>
                  <a:gd name="connsiteX11" fmla="*/ 218885 w 223170"/>
                  <a:gd name="connsiteY11" fmla="*/ 0 h 263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3170" h="263366">
                    <a:moveTo>
                      <a:pt x="218885" y="0"/>
                    </a:moveTo>
                    <a:lnTo>
                      <a:pt x="4286" y="0"/>
                    </a:lnTo>
                    <a:cubicBezTo>
                      <a:pt x="1915" y="0"/>
                      <a:pt x="0" y="1915"/>
                      <a:pt x="0" y="4286"/>
                    </a:cubicBezTo>
                    <a:lnTo>
                      <a:pt x="0" y="178308"/>
                    </a:lnTo>
                    <a:cubicBezTo>
                      <a:pt x="0" y="180680"/>
                      <a:pt x="1915" y="182594"/>
                      <a:pt x="4286" y="182594"/>
                    </a:cubicBezTo>
                    <a:lnTo>
                      <a:pt x="70295" y="182594"/>
                    </a:lnTo>
                    <a:lnTo>
                      <a:pt x="74295" y="263366"/>
                    </a:lnTo>
                    <a:lnTo>
                      <a:pt x="171260" y="182594"/>
                    </a:lnTo>
                    <a:lnTo>
                      <a:pt x="218885" y="182594"/>
                    </a:lnTo>
                    <a:cubicBezTo>
                      <a:pt x="221256" y="182594"/>
                      <a:pt x="223171" y="180680"/>
                      <a:pt x="223171" y="178308"/>
                    </a:cubicBezTo>
                    <a:lnTo>
                      <a:pt x="223171" y="4286"/>
                    </a:lnTo>
                    <a:cubicBezTo>
                      <a:pt x="223171" y="1915"/>
                      <a:pt x="221256" y="0"/>
                      <a:pt x="218885" y="0"/>
                    </a:cubicBezTo>
                    <a:close/>
                  </a:path>
                </a:pathLst>
              </a:custGeom>
              <a:solidFill>
                <a:srgbClr val="C7E4F1"/>
              </a:solidFill>
              <a:ln w="9525" cap="flat">
                <a:noFill/>
                <a:prstDash val="solid"/>
                <a:miter/>
              </a:ln>
            </p:spPr>
            <p:txBody>
              <a:bodyPr rtlCol="0" anchor="ctr"/>
              <a:lstStyle/>
              <a:p>
                <a:endParaRPr lang="en-AU" sz="153"/>
              </a:p>
            </p:txBody>
          </p:sp>
          <p:sp>
            <p:nvSpPr>
              <p:cNvPr id="84" name="Graphic 2">
                <a:extLst>
                  <a:ext uri="{FF2B5EF4-FFF2-40B4-BE49-F238E27FC236}">
                    <a16:creationId xmlns:a16="http://schemas.microsoft.com/office/drawing/2014/main" id="{046BC5CB-BF3D-66B1-6C67-F2E3E3EF671F}"/>
                  </a:ext>
                </a:extLst>
              </p:cNvPr>
              <p:cNvSpPr/>
              <p:nvPr/>
            </p:nvSpPr>
            <p:spPr>
              <a:xfrm>
                <a:off x="3957351" y="2252408"/>
                <a:ext cx="102488" cy="46005"/>
              </a:xfrm>
              <a:custGeom>
                <a:avLst/>
                <a:gdLst>
                  <a:gd name="connsiteX0" fmla="*/ 0 w 102488"/>
                  <a:gd name="connsiteY0" fmla="*/ 0 h 46005"/>
                  <a:gd name="connsiteX1" fmla="*/ 102489 w 102488"/>
                  <a:gd name="connsiteY1" fmla="*/ 0 h 46005"/>
                  <a:gd name="connsiteX2" fmla="*/ 102489 w 102488"/>
                  <a:gd name="connsiteY2" fmla="*/ 46006 h 46005"/>
                  <a:gd name="connsiteX3" fmla="*/ 0 w 102488"/>
                  <a:gd name="connsiteY3" fmla="*/ 46006 h 46005"/>
                </a:gdLst>
                <a:ahLst/>
                <a:cxnLst>
                  <a:cxn ang="0">
                    <a:pos x="connsiteX0" y="connsiteY0"/>
                  </a:cxn>
                  <a:cxn ang="0">
                    <a:pos x="connsiteX1" y="connsiteY1"/>
                  </a:cxn>
                  <a:cxn ang="0">
                    <a:pos x="connsiteX2" y="connsiteY2"/>
                  </a:cxn>
                  <a:cxn ang="0">
                    <a:pos x="connsiteX3" y="connsiteY3"/>
                  </a:cxn>
                </a:cxnLst>
                <a:rect l="l" t="t" r="r" b="b"/>
                <a:pathLst>
                  <a:path w="102488" h="46005">
                    <a:moveTo>
                      <a:pt x="0" y="0"/>
                    </a:moveTo>
                    <a:lnTo>
                      <a:pt x="102489" y="0"/>
                    </a:lnTo>
                    <a:lnTo>
                      <a:pt x="102489" y="46006"/>
                    </a:lnTo>
                    <a:lnTo>
                      <a:pt x="0" y="46006"/>
                    </a:lnTo>
                    <a:close/>
                  </a:path>
                </a:pathLst>
              </a:custGeom>
              <a:solidFill>
                <a:srgbClr val="C7E4F1"/>
              </a:solidFill>
              <a:ln w="9525" cap="flat">
                <a:noFill/>
                <a:prstDash val="solid"/>
                <a:miter/>
              </a:ln>
            </p:spPr>
            <p:txBody>
              <a:bodyPr rtlCol="0" anchor="ctr"/>
              <a:lstStyle/>
              <a:p>
                <a:endParaRPr lang="en-AU" sz="153"/>
              </a:p>
            </p:txBody>
          </p:sp>
          <p:sp>
            <p:nvSpPr>
              <p:cNvPr id="85" name="Graphic 2">
                <a:extLst>
                  <a:ext uri="{FF2B5EF4-FFF2-40B4-BE49-F238E27FC236}">
                    <a16:creationId xmlns:a16="http://schemas.microsoft.com/office/drawing/2014/main" id="{77715254-0E42-3A24-D70B-C50456149752}"/>
                  </a:ext>
                </a:extLst>
              </p:cNvPr>
              <p:cNvSpPr/>
              <p:nvPr/>
            </p:nvSpPr>
            <p:spPr>
              <a:xfrm>
                <a:off x="3964114" y="2505678"/>
                <a:ext cx="91630" cy="88487"/>
              </a:xfrm>
              <a:custGeom>
                <a:avLst/>
                <a:gdLst>
                  <a:gd name="connsiteX0" fmla="*/ 0 w 91630"/>
                  <a:gd name="connsiteY0" fmla="*/ 0 h 88487"/>
                  <a:gd name="connsiteX1" fmla="*/ 91630 w 91630"/>
                  <a:gd name="connsiteY1" fmla="*/ 0 h 88487"/>
                  <a:gd name="connsiteX2" fmla="*/ 45815 w 91630"/>
                  <a:gd name="connsiteY2" fmla="*/ 88487 h 88487"/>
                  <a:gd name="connsiteX3" fmla="*/ 0 w 91630"/>
                  <a:gd name="connsiteY3" fmla="*/ 0 h 88487"/>
                </a:gdLst>
                <a:ahLst/>
                <a:cxnLst>
                  <a:cxn ang="0">
                    <a:pos x="connsiteX0" y="connsiteY0"/>
                  </a:cxn>
                  <a:cxn ang="0">
                    <a:pos x="connsiteX1" y="connsiteY1"/>
                  </a:cxn>
                  <a:cxn ang="0">
                    <a:pos x="connsiteX2" y="connsiteY2"/>
                  </a:cxn>
                  <a:cxn ang="0">
                    <a:pos x="connsiteX3" y="connsiteY3"/>
                  </a:cxn>
                </a:cxnLst>
                <a:rect l="l" t="t" r="r" b="b"/>
                <a:pathLst>
                  <a:path w="91630" h="88487">
                    <a:moveTo>
                      <a:pt x="0" y="0"/>
                    </a:moveTo>
                    <a:lnTo>
                      <a:pt x="91630" y="0"/>
                    </a:lnTo>
                    <a:lnTo>
                      <a:pt x="45815" y="88487"/>
                    </a:lnTo>
                    <a:lnTo>
                      <a:pt x="0" y="0"/>
                    </a:lnTo>
                    <a:close/>
                  </a:path>
                </a:pathLst>
              </a:custGeom>
              <a:solidFill>
                <a:srgbClr val="66B9DA"/>
              </a:solidFill>
              <a:ln w="9525" cap="flat">
                <a:noFill/>
                <a:prstDash val="solid"/>
                <a:miter/>
              </a:ln>
            </p:spPr>
            <p:txBody>
              <a:bodyPr rtlCol="0" anchor="ctr"/>
              <a:lstStyle/>
              <a:p>
                <a:endParaRPr lang="en-AU" sz="153"/>
              </a:p>
            </p:txBody>
          </p:sp>
          <p:sp>
            <p:nvSpPr>
              <p:cNvPr id="86" name="Graphic 2">
                <a:extLst>
                  <a:ext uri="{FF2B5EF4-FFF2-40B4-BE49-F238E27FC236}">
                    <a16:creationId xmlns:a16="http://schemas.microsoft.com/office/drawing/2014/main" id="{6E36DB8F-D25C-A28A-1DE0-DBFDACCF62DB}"/>
                  </a:ext>
                </a:extLst>
              </p:cNvPr>
              <p:cNvSpPr/>
              <p:nvPr/>
            </p:nvSpPr>
            <p:spPr>
              <a:xfrm>
                <a:off x="3946778" y="2187162"/>
                <a:ext cx="124968" cy="419192"/>
              </a:xfrm>
              <a:custGeom>
                <a:avLst/>
                <a:gdLst>
                  <a:gd name="connsiteX0" fmla="*/ 61817 w 124968"/>
                  <a:gd name="connsiteY0" fmla="*/ 419100 h 419192"/>
                  <a:gd name="connsiteX1" fmla="*/ 54007 w 124968"/>
                  <a:gd name="connsiteY1" fmla="*/ 414528 h 419192"/>
                  <a:gd name="connsiteX2" fmla="*/ 667 w 124968"/>
                  <a:gd name="connsiteY2" fmla="*/ 321183 h 419192"/>
                  <a:gd name="connsiteX3" fmla="*/ 667 w 124968"/>
                  <a:gd name="connsiteY3" fmla="*/ 320326 h 419192"/>
                  <a:gd name="connsiteX4" fmla="*/ 667 w 124968"/>
                  <a:gd name="connsiteY4" fmla="*/ 319564 h 419192"/>
                  <a:gd name="connsiteX5" fmla="*/ 0 w 124968"/>
                  <a:gd name="connsiteY5" fmla="*/ 316516 h 419192"/>
                  <a:gd name="connsiteX6" fmla="*/ 0 w 124968"/>
                  <a:gd name="connsiteY6" fmla="*/ 22384 h 419192"/>
                  <a:gd name="connsiteX7" fmla="*/ 22384 w 124968"/>
                  <a:gd name="connsiteY7" fmla="*/ 0 h 419192"/>
                  <a:gd name="connsiteX8" fmla="*/ 102584 w 124968"/>
                  <a:gd name="connsiteY8" fmla="*/ 0 h 419192"/>
                  <a:gd name="connsiteX9" fmla="*/ 124968 w 124968"/>
                  <a:gd name="connsiteY9" fmla="*/ 22384 h 419192"/>
                  <a:gd name="connsiteX10" fmla="*/ 124968 w 124968"/>
                  <a:gd name="connsiteY10" fmla="*/ 316611 h 419192"/>
                  <a:gd name="connsiteX11" fmla="*/ 124301 w 124968"/>
                  <a:gd name="connsiteY11" fmla="*/ 319564 h 419192"/>
                  <a:gd name="connsiteX12" fmla="*/ 124301 w 124968"/>
                  <a:gd name="connsiteY12" fmla="*/ 320326 h 419192"/>
                  <a:gd name="connsiteX13" fmla="*/ 124301 w 124968"/>
                  <a:gd name="connsiteY13" fmla="*/ 321183 h 419192"/>
                  <a:gd name="connsiteX14" fmla="*/ 70961 w 124968"/>
                  <a:gd name="connsiteY14" fmla="*/ 414528 h 419192"/>
                  <a:gd name="connsiteX15" fmla="*/ 61817 w 124968"/>
                  <a:gd name="connsiteY15" fmla="*/ 419100 h 419192"/>
                  <a:gd name="connsiteX16" fmla="*/ 31337 w 124968"/>
                  <a:gd name="connsiteY16" fmla="*/ 325469 h 419192"/>
                  <a:gd name="connsiteX17" fmla="*/ 27527 w 124968"/>
                  <a:gd name="connsiteY17" fmla="*/ 327660 h 419192"/>
                  <a:gd name="connsiteX18" fmla="*/ 27527 w 124968"/>
                  <a:gd name="connsiteY18" fmla="*/ 332042 h 419192"/>
                  <a:gd name="connsiteX19" fmla="*/ 58008 w 124968"/>
                  <a:gd name="connsiteY19" fmla="*/ 385382 h 419192"/>
                  <a:gd name="connsiteX20" fmla="*/ 61817 w 124968"/>
                  <a:gd name="connsiteY20" fmla="*/ 387572 h 419192"/>
                  <a:gd name="connsiteX21" fmla="*/ 65627 w 124968"/>
                  <a:gd name="connsiteY21" fmla="*/ 385382 h 419192"/>
                  <a:gd name="connsiteX22" fmla="*/ 96012 w 124968"/>
                  <a:gd name="connsiteY22" fmla="*/ 332042 h 419192"/>
                  <a:gd name="connsiteX23" fmla="*/ 96012 w 124968"/>
                  <a:gd name="connsiteY23" fmla="*/ 327660 h 419192"/>
                  <a:gd name="connsiteX24" fmla="*/ 92202 w 124968"/>
                  <a:gd name="connsiteY24" fmla="*/ 325469 h 419192"/>
                  <a:gd name="connsiteX25" fmla="*/ 75152 w 124968"/>
                  <a:gd name="connsiteY25" fmla="*/ 124968 h 419192"/>
                  <a:gd name="connsiteX26" fmla="*/ 70771 w 124968"/>
                  <a:gd name="connsiteY26" fmla="*/ 129350 h 419192"/>
                  <a:gd name="connsiteX27" fmla="*/ 70771 w 124968"/>
                  <a:gd name="connsiteY27" fmla="*/ 303181 h 419192"/>
                  <a:gd name="connsiteX28" fmla="*/ 75152 w 124968"/>
                  <a:gd name="connsiteY28" fmla="*/ 307562 h 419192"/>
                  <a:gd name="connsiteX29" fmla="*/ 101918 w 124968"/>
                  <a:gd name="connsiteY29" fmla="*/ 307562 h 419192"/>
                  <a:gd name="connsiteX30" fmla="*/ 106299 w 124968"/>
                  <a:gd name="connsiteY30" fmla="*/ 303181 h 419192"/>
                  <a:gd name="connsiteX31" fmla="*/ 106299 w 124968"/>
                  <a:gd name="connsiteY31" fmla="*/ 129350 h 419192"/>
                  <a:gd name="connsiteX32" fmla="*/ 101918 w 124968"/>
                  <a:gd name="connsiteY32" fmla="*/ 124968 h 419192"/>
                  <a:gd name="connsiteX33" fmla="*/ 21717 w 124968"/>
                  <a:gd name="connsiteY33" fmla="*/ 124968 h 419192"/>
                  <a:gd name="connsiteX34" fmla="*/ 17336 w 124968"/>
                  <a:gd name="connsiteY34" fmla="*/ 129159 h 419192"/>
                  <a:gd name="connsiteX35" fmla="*/ 17336 w 124968"/>
                  <a:gd name="connsiteY35" fmla="*/ 129350 h 419192"/>
                  <a:gd name="connsiteX36" fmla="*/ 17336 w 124968"/>
                  <a:gd name="connsiteY36" fmla="*/ 303181 h 419192"/>
                  <a:gd name="connsiteX37" fmla="*/ 21717 w 124968"/>
                  <a:gd name="connsiteY37" fmla="*/ 307562 h 419192"/>
                  <a:gd name="connsiteX38" fmla="*/ 48387 w 124968"/>
                  <a:gd name="connsiteY38" fmla="*/ 307562 h 419192"/>
                  <a:gd name="connsiteX39" fmla="*/ 52864 w 124968"/>
                  <a:gd name="connsiteY39" fmla="*/ 303181 h 419192"/>
                  <a:gd name="connsiteX40" fmla="*/ 52864 w 124968"/>
                  <a:gd name="connsiteY40" fmla="*/ 129350 h 419192"/>
                  <a:gd name="connsiteX41" fmla="*/ 48483 w 124968"/>
                  <a:gd name="connsiteY41" fmla="*/ 124968 h 419192"/>
                  <a:gd name="connsiteX42" fmla="*/ 48387 w 124968"/>
                  <a:gd name="connsiteY42" fmla="*/ 124968 h 419192"/>
                  <a:gd name="connsiteX43" fmla="*/ 21717 w 124968"/>
                  <a:gd name="connsiteY43" fmla="*/ 71438 h 419192"/>
                  <a:gd name="connsiteX44" fmla="*/ 17336 w 124968"/>
                  <a:gd name="connsiteY44" fmla="*/ 75819 h 419192"/>
                  <a:gd name="connsiteX45" fmla="*/ 17336 w 124968"/>
                  <a:gd name="connsiteY45" fmla="*/ 102584 h 419192"/>
                  <a:gd name="connsiteX46" fmla="*/ 21717 w 124968"/>
                  <a:gd name="connsiteY46" fmla="*/ 106966 h 419192"/>
                  <a:gd name="connsiteX47" fmla="*/ 101918 w 124968"/>
                  <a:gd name="connsiteY47" fmla="*/ 106966 h 419192"/>
                  <a:gd name="connsiteX48" fmla="*/ 106299 w 124968"/>
                  <a:gd name="connsiteY48" fmla="*/ 102584 h 419192"/>
                  <a:gd name="connsiteX49" fmla="*/ 106299 w 124968"/>
                  <a:gd name="connsiteY49" fmla="*/ 75819 h 419192"/>
                  <a:gd name="connsiteX50" fmla="*/ 101918 w 124968"/>
                  <a:gd name="connsiteY50" fmla="*/ 71438 h 419192"/>
                  <a:gd name="connsiteX51" fmla="*/ 21717 w 124968"/>
                  <a:gd name="connsiteY51" fmla="*/ 18002 h 419192"/>
                  <a:gd name="connsiteX52" fmla="*/ 17336 w 124968"/>
                  <a:gd name="connsiteY52" fmla="*/ 22193 h 419192"/>
                  <a:gd name="connsiteX53" fmla="*/ 17336 w 124968"/>
                  <a:gd name="connsiteY53" fmla="*/ 22384 h 419192"/>
                  <a:gd name="connsiteX54" fmla="*/ 17336 w 124968"/>
                  <a:gd name="connsiteY54" fmla="*/ 49054 h 419192"/>
                  <a:gd name="connsiteX55" fmla="*/ 21527 w 124968"/>
                  <a:gd name="connsiteY55" fmla="*/ 53435 h 419192"/>
                  <a:gd name="connsiteX56" fmla="*/ 21717 w 124968"/>
                  <a:gd name="connsiteY56" fmla="*/ 53435 h 419192"/>
                  <a:gd name="connsiteX57" fmla="*/ 101918 w 124968"/>
                  <a:gd name="connsiteY57" fmla="*/ 53435 h 419192"/>
                  <a:gd name="connsiteX58" fmla="*/ 106299 w 124968"/>
                  <a:gd name="connsiteY58" fmla="*/ 49054 h 419192"/>
                  <a:gd name="connsiteX59" fmla="*/ 106299 w 124968"/>
                  <a:gd name="connsiteY59" fmla="*/ 22384 h 419192"/>
                  <a:gd name="connsiteX60" fmla="*/ 101918 w 124968"/>
                  <a:gd name="connsiteY60" fmla="*/ 18002 h 4191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124968" h="419192">
                    <a:moveTo>
                      <a:pt x="61817" y="419100"/>
                    </a:moveTo>
                    <a:cubicBezTo>
                      <a:pt x="58579" y="419100"/>
                      <a:pt x="55588" y="417357"/>
                      <a:pt x="54007" y="414528"/>
                    </a:cubicBezTo>
                    <a:lnTo>
                      <a:pt x="667" y="321183"/>
                    </a:lnTo>
                    <a:lnTo>
                      <a:pt x="667" y="320326"/>
                    </a:lnTo>
                    <a:lnTo>
                      <a:pt x="667" y="319564"/>
                    </a:lnTo>
                    <a:cubicBezTo>
                      <a:pt x="238" y="318602"/>
                      <a:pt x="10" y="317564"/>
                      <a:pt x="0" y="316516"/>
                    </a:cubicBezTo>
                    <a:lnTo>
                      <a:pt x="0" y="22384"/>
                    </a:lnTo>
                    <a:cubicBezTo>
                      <a:pt x="0" y="10020"/>
                      <a:pt x="10020" y="0"/>
                      <a:pt x="22384" y="0"/>
                    </a:cubicBezTo>
                    <a:lnTo>
                      <a:pt x="102584" y="0"/>
                    </a:lnTo>
                    <a:cubicBezTo>
                      <a:pt x="114948" y="0"/>
                      <a:pt x="124968" y="10020"/>
                      <a:pt x="124968" y="22384"/>
                    </a:cubicBezTo>
                    <a:lnTo>
                      <a:pt x="124968" y="316611"/>
                    </a:lnTo>
                    <a:cubicBezTo>
                      <a:pt x="124854" y="317621"/>
                      <a:pt x="124625" y="318602"/>
                      <a:pt x="124301" y="319564"/>
                    </a:cubicBezTo>
                    <a:lnTo>
                      <a:pt x="124301" y="320326"/>
                    </a:lnTo>
                    <a:cubicBezTo>
                      <a:pt x="124263" y="320612"/>
                      <a:pt x="124263" y="320897"/>
                      <a:pt x="124301" y="321183"/>
                    </a:cubicBezTo>
                    <a:lnTo>
                      <a:pt x="70961" y="414528"/>
                    </a:lnTo>
                    <a:cubicBezTo>
                      <a:pt x="69171" y="417814"/>
                      <a:pt x="65523" y="419633"/>
                      <a:pt x="61817" y="419100"/>
                    </a:cubicBezTo>
                    <a:close/>
                    <a:moveTo>
                      <a:pt x="31337" y="325469"/>
                    </a:moveTo>
                    <a:cubicBezTo>
                      <a:pt x="29775" y="325498"/>
                      <a:pt x="28337" y="326327"/>
                      <a:pt x="27527" y="327660"/>
                    </a:cubicBezTo>
                    <a:cubicBezTo>
                      <a:pt x="26766" y="329022"/>
                      <a:pt x="26766" y="330680"/>
                      <a:pt x="27527" y="332042"/>
                    </a:cubicBezTo>
                    <a:lnTo>
                      <a:pt x="58008" y="385382"/>
                    </a:lnTo>
                    <a:cubicBezTo>
                      <a:pt x="58789" y="386744"/>
                      <a:pt x="60246" y="387582"/>
                      <a:pt x="61817" y="387572"/>
                    </a:cubicBezTo>
                    <a:cubicBezTo>
                      <a:pt x="63380" y="387563"/>
                      <a:pt x="64827" y="386725"/>
                      <a:pt x="65627" y="385382"/>
                    </a:cubicBezTo>
                    <a:lnTo>
                      <a:pt x="96012" y="332042"/>
                    </a:lnTo>
                    <a:cubicBezTo>
                      <a:pt x="96812" y="330689"/>
                      <a:pt x="96812" y="329013"/>
                      <a:pt x="96012" y="327660"/>
                    </a:cubicBezTo>
                    <a:cubicBezTo>
                      <a:pt x="95231" y="326298"/>
                      <a:pt x="93774" y="325460"/>
                      <a:pt x="92202" y="325469"/>
                    </a:cubicBezTo>
                    <a:close/>
                    <a:moveTo>
                      <a:pt x="75152" y="124968"/>
                    </a:moveTo>
                    <a:cubicBezTo>
                      <a:pt x="72733" y="124968"/>
                      <a:pt x="70771" y="126930"/>
                      <a:pt x="70771" y="129350"/>
                    </a:cubicBezTo>
                    <a:lnTo>
                      <a:pt x="70771" y="303181"/>
                    </a:lnTo>
                    <a:cubicBezTo>
                      <a:pt x="70819" y="305581"/>
                      <a:pt x="72752" y="307515"/>
                      <a:pt x="75152" y="307562"/>
                    </a:cubicBezTo>
                    <a:lnTo>
                      <a:pt x="101918" y="307562"/>
                    </a:lnTo>
                    <a:cubicBezTo>
                      <a:pt x="104318" y="307515"/>
                      <a:pt x="106252" y="305581"/>
                      <a:pt x="106299" y="303181"/>
                    </a:cubicBezTo>
                    <a:lnTo>
                      <a:pt x="106299" y="129350"/>
                    </a:lnTo>
                    <a:cubicBezTo>
                      <a:pt x="106299" y="126930"/>
                      <a:pt x="104337" y="124968"/>
                      <a:pt x="101918" y="124968"/>
                    </a:cubicBezTo>
                    <a:close/>
                    <a:moveTo>
                      <a:pt x="21717" y="124968"/>
                    </a:moveTo>
                    <a:cubicBezTo>
                      <a:pt x="19355" y="124911"/>
                      <a:pt x="17393" y="126787"/>
                      <a:pt x="17336" y="129159"/>
                    </a:cubicBezTo>
                    <a:cubicBezTo>
                      <a:pt x="17336" y="129226"/>
                      <a:pt x="17336" y="129283"/>
                      <a:pt x="17336" y="129350"/>
                    </a:cubicBezTo>
                    <a:lnTo>
                      <a:pt x="17336" y="303181"/>
                    </a:lnTo>
                    <a:cubicBezTo>
                      <a:pt x="17336" y="305600"/>
                      <a:pt x="19298" y="307562"/>
                      <a:pt x="21717" y="307562"/>
                    </a:cubicBezTo>
                    <a:lnTo>
                      <a:pt x="48387" y="307562"/>
                    </a:lnTo>
                    <a:cubicBezTo>
                      <a:pt x="50826" y="307562"/>
                      <a:pt x="52816" y="305619"/>
                      <a:pt x="52864" y="303181"/>
                    </a:cubicBezTo>
                    <a:lnTo>
                      <a:pt x="52864" y="129350"/>
                    </a:lnTo>
                    <a:cubicBezTo>
                      <a:pt x="52864" y="126930"/>
                      <a:pt x="50902" y="124968"/>
                      <a:pt x="48483" y="124968"/>
                    </a:cubicBezTo>
                    <a:cubicBezTo>
                      <a:pt x="48454" y="124968"/>
                      <a:pt x="48416" y="124968"/>
                      <a:pt x="48387" y="124968"/>
                    </a:cubicBezTo>
                    <a:close/>
                    <a:moveTo>
                      <a:pt x="21717" y="71438"/>
                    </a:moveTo>
                    <a:cubicBezTo>
                      <a:pt x="19298" y="71438"/>
                      <a:pt x="17336" y="73400"/>
                      <a:pt x="17336" y="75819"/>
                    </a:cubicBezTo>
                    <a:lnTo>
                      <a:pt x="17336" y="102584"/>
                    </a:lnTo>
                    <a:cubicBezTo>
                      <a:pt x="17336" y="105004"/>
                      <a:pt x="19298" y="106966"/>
                      <a:pt x="21717" y="106966"/>
                    </a:cubicBezTo>
                    <a:lnTo>
                      <a:pt x="101918" y="106966"/>
                    </a:lnTo>
                    <a:cubicBezTo>
                      <a:pt x="104318" y="106918"/>
                      <a:pt x="106252" y="104985"/>
                      <a:pt x="106299" y="102584"/>
                    </a:cubicBezTo>
                    <a:lnTo>
                      <a:pt x="106299" y="75819"/>
                    </a:lnTo>
                    <a:cubicBezTo>
                      <a:pt x="106252" y="73419"/>
                      <a:pt x="104318" y="71485"/>
                      <a:pt x="101918" y="71438"/>
                    </a:cubicBezTo>
                    <a:close/>
                    <a:moveTo>
                      <a:pt x="21717" y="18002"/>
                    </a:moveTo>
                    <a:cubicBezTo>
                      <a:pt x="19355" y="17945"/>
                      <a:pt x="17393" y="19822"/>
                      <a:pt x="17336" y="22193"/>
                    </a:cubicBezTo>
                    <a:cubicBezTo>
                      <a:pt x="17336" y="22260"/>
                      <a:pt x="17336" y="22317"/>
                      <a:pt x="17336" y="22384"/>
                    </a:cubicBezTo>
                    <a:lnTo>
                      <a:pt x="17336" y="49054"/>
                    </a:lnTo>
                    <a:cubicBezTo>
                      <a:pt x="17279" y="51416"/>
                      <a:pt x="19155" y="53378"/>
                      <a:pt x="21527" y="53435"/>
                    </a:cubicBezTo>
                    <a:cubicBezTo>
                      <a:pt x="21584" y="53435"/>
                      <a:pt x="21650" y="53435"/>
                      <a:pt x="21717" y="53435"/>
                    </a:cubicBezTo>
                    <a:lnTo>
                      <a:pt x="101918" y="53435"/>
                    </a:lnTo>
                    <a:cubicBezTo>
                      <a:pt x="104337" y="53435"/>
                      <a:pt x="106299" y="51473"/>
                      <a:pt x="106299" y="49054"/>
                    </a:cubicBezTo>
                    <a:lnTo>
                      <a:pt x="106299" y="22384"/>
                    </a:lnTo>
                    <a:cubicBezTo>
                      <a:pt x="106299" y="19964"/>
                      <a:pt x="104337" y="18002"/>
                      <a:pt x="101918" y="18002"/>
                    </a:cubicBezTo>
                    <a:close/>
                  </a:path>
                </a:pathLst>
              </a:custGeom>
              <a:solidFill>
                <a:srgbClr val="265998"/>
              </a:solidFill>
              <a:ln w="9525" cap="flat">
                <a:noFill/>
                <a:prstDash val="solid"/>
                <a:miter/>
              </a:ln>
            </p:spPr>
            <p:txBody>
              <a:bodyPr rtlCol="0" anchor="ctr"/>
              <a:lstStyle/>
              <a:p>
                <a:endParaRPr lang="en-AU" sz="153"/>
              </a:p>
            </p:txBody>
          </p:sp>
          <p:sp>
            <p:nvSpPr>
              <p:cNvPr id="87" name="Graphic 2">
                <a:extLst>
                  <a:ext uri="{FF2B5EF4-FFF2-40B4-BE49-F238E27FC236}">
                    <a16:creationId xmlns:a16="http://schemas.microsoft.com/office/drawing/2014/main" id="{1732E3B9-28FE-839D-68AD-3F46E6DBFDFC}"/>
                  </a:ext>
                </a:extLst>
              </p:cNvPr>
              <p:cNvSpPr/>
              <p:nvPr/>
            </p:nvSpPr>
            <p:spPr>
              <a:xfrm>
                <a:off x="4106608" y="2187162"/>
                <a:ext cx="258603" cy="298799"/>
              </a:xfrm>
              <a:custGeom>
                <a:avLst/>
                <a:gdLst>
                  <a:gd name="connsiteX0" fmla="*/ 89154 w 258603"/>
                  <a:gd name="connsiteY0" fmla="*/ 298799 h 298799"/>
                  <a:gd name="connsiteX1" fmla="*/ 85439 w 258603"/>
                  <a:gd name="connsiteY1" fmla="*/ 297942 h 298799"/>
                  <a:gd name="connsiteX2" fmla="*/ 80200 w 258603"/>
                  <a:gd name="connsiteY2" fmla="*/ 289751 h 298799"/>
                  <a:gd name="connsiteX3" fmla="*/ 80200 w 258603"/>
                  <a:gd name="connsiteY3" fmla="*/ 223076 h 298799"/>
                  <a:gd name="connsiteX4" fmla="*/ 75819 w 258603"/>
                  <a:gd name="connsiteY4" fmla="*/ 218694 h 298799"/>
                  <a:gd name="connsiteX5" fmla="*/ 22288 w 258603"/>
                  <a:gd name="connsiteY5" fmla="*/ 218694 h 298799"/>
                  <a:gd name="connsiteX6" fmla="*/ 13335 w 258603"/>
                  <a:gd name="connsiteY6" fmla="*/ 209741 h 298799"/>
                  <a:gd name="connsiteX7" fmla="*/ 22288 w 258603"/>
                  <a:gd name="connsiteY7" fmla="*/ 200787 h 298799"/>
                  <a:gd name="connsiteX8" fmla="*/ 88963 w 258603"/>
                  <a:gd name="connsiteY8" fmla="*/ 200787 h 298799"/>
                  <a:gd name="connsiteX9" fmla="*/ 97917 w 258603"/>
                  <a:gd name="connsiteY9" fmla="*/ 209741 h 298799"/>
                  <a:gd name="connsiteX10" fmla="*/ 97917 w 258603"/>
                  <a:gd name="connsiteY10" fmla="*/ 260890 h 298799"/>
                  <a:gd name="connsiteX11" fmla="*/ 100489 w 258603"/>
                  <a:gd name="connsiteY11" fmla="*/ 264890 h 298799"/>
                  <a:gd name="connsiteX12" fmla="*/ 102394 w 258603"/>
                  <a:gd name="connsiteY12" fmla="*/ 264890 h 298799"/>
                  <a:gd name="connsiteX13" fmla="*/ 105251 w 258603"/>
                  <a:gd name="connsiteY13" fmla="*/ 263843 h 298799"/>
                  <a:gd name="connsiteX14" fmla="*/ 176689 w 258603"/>
                  <a:gd name="connsiteY14" fmla="*/ 202502 h 298799"/>
                  <a:gd name="connsiteX15" fmla="*/ 182594 w 258603"/>
                  <a:gd name="connsiteY15" fmla="*/ 200406 h 298799"/>
                  <a:gd name="connsiteX16" fmla="*/ 236029 w 258603"/>
                  <a:gd name="connsiteY16" fmla="*/ 200406 h 298799"/>
                  <a:gd name="connsiteX17" fmla="*/ 240411 w 258603"/>
                  <a:gd name="connsiteY17" fmla="*/ 196025 h 298799"/>
                  <a:gd name="connsiteX18" fmla="*/ 240411 w 258603"/>
                  <a:gd name="connsiteY18" fmla="*/ 22384 h 298799"/>
                  <a:gd name="connsiteX19" fmla="*/ 236220 w 258603"/>
                  <a:gd name="connsiteY19" fmla="*/ 18002 h 298799"/>
                  <a:gd name="connsiteX20" fmla="*/ 236029 w 258603"/>
                  <a:gd name="connsiteY20" fmla="*/ 18002 h 298799"/>
                  <a:gd name="connsiteX21" fmla="*/ 22288 w 258603"/>
                  <a:gd name="connsiteY21" fmla="*/ 18002 h 298799"/>
                  <a:gd name="connsiteX22" fmla="*/ 17907 w 258603"/>
                  <a:gd name="connsiteY22" fmla="*/ 22384 h 298799"/>
                  <a:gd name="connsiteX23" fmla="*/ 17907 w 258603"/>
                  <a:gd name="connsiteY23" fmla="*/ 62484 h 298799"/>
                  <a:gd name="connsiteX24" fmla="*/ 8953 w 258603"/>
                  <a:gd name="connsiteY24" fmla="*/ 71438 h 298799"/>
                  <a:gd name="connsiteX25" fmla="*/ 0 w 258603"/>
                  <a:gd name="connsiteY25" fmla="*/ 62484 h 298799"/>
                  <a:gd name="connsiteX26" fmla="*/ 0 w 258603"/>
                  <a:gd name="connsiteY26" fmla="*/ 22384 h 298799"/>
                  <a:gd name="connsiteX27" fmla="*/ 22288 w 258603"/>
                  <a:gd name="connsiteY27" fmla="*/ 0 h 298799"/>
                  <a:gd name="connsiteX28" fmla="*/ 236220 w 258603"/>
                  <a:gd name="connsiteY28" fmla="*/ 0 h 298799"/>
                  <a:gd name="connsiteX29" fmla="*/ 258604 w 258603"/>
                  <a:gd name="connsiteY29" fmla="*/ 22384 h 298799"/>
                  <a:gd name="connsiteX30" fmla="*/ 258604 w 258603"/>
                  <a:gd name="connsiteY30" fmla="*/ 196215 h 298799"/>
                  <a:gd name="connsiteX31" fmla="*/ 236220 w 258603"/>
                  <a:gd name="connsiteY31" fmla="*/ 218504 h 298799"/>
                  <a:gd name="connsiteX32" fmla="*/ 187738 w 258603"/>
                  <a:gd name="connsiteY32" fmla="*/ 218504 h 298799"/>
                  <a:gd name="connsiteX33" fmla="*/ 184880 w 258603"/>
                  <a:gd name="connsiteY33" fmla="*/ 219551 h 298799"/>
                  <a:gd name="connsiteX34" fmla="*/ 94964 w 258603"/>
                  <a:gd name="connsiteY34" fmla="*/ 296609 h 298799"/>
                  <a:gd name="connsiteX35" fmla="*/ 89154 w 258603"/>
                  <a:gd name="connsiteY35" fmla="*/ 298799 h 2987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58603" h="298799">
                    <a:moveTo>
                      <a:pt x="89154" y="298799"/>
                    </a:moveTo>
                    <a:cubicBezTo>
                      <a:pt x="87868" y="298799"/>
                      <a:pt x="86592" y="298504"/>
                      <a:pt x="85439" y="297942"/>
                    </a:cubicBezTo>
                    <a:cubicBezTo>
                      <a:pt x="82220" y="296504"/>
                      <a:pt x="80162" y="293284"/>
                      <a:pt x="80200" y="289751"/>
                    </a:cubicBezTo>
                    <a:lnTo>
                      <a:pt x="80200" y="223076"/>
                    </a:lnTo>
                    <a:cubicBezTo>
                      <a:pt x="80153" y="220675"/>
                      <a:pt x="78219" y="218742"/>
                      <a:pt x="75819" y="218694"/>
                    </a:cubicBezTo>
                    <a:lnTo>
                      <a:pt x="22288" y="218694"/>
                    </a:lnTo>
                    <a:cubicBezTo>
                      <a:pt x="17345" y="218694"/>
                      <a:pt x="13335" y="214684"/>
                      <a:pt x="13335" y="209741"/>
                    </a:cubicBezTo>
                    <a:cubicBezTo>
                      <a:pt x="13335" y="204797"/>
                      <a:pt x="17345" y="200787"/>
                      <a:pt x="22288" y="200787"/>
                    </a:cubicBezTo>
                    <a:lnTo>
                      <a:pt x="88963" y="200787"/>
                    </a:lnTo>
                    <a:cubicBezTo>
                      <a:pt x="93907" y="200787"/>
                      <a:pt x="97917" y="204797"/>
                      <a:pt x="97917" y="209741"/>
                    </a:cubicBezTo>
                    <a:lnTo>
                      <a:pt x="97917" y="260890"/>
                    </a:lnTo>
                    <a:cubicBezTo>
                      <a:pt x="97955" y="262595"/>
                      <a:pt x="98955" y="264138"/>
                      <a:pt x="100489" y="264890"/>
                    </a:cubicBezTo>
                    <a:cubicBezTo>
                      <a:pt x="101117" y="265033"/>
                      <a:pt x="101765" y="265033"/>
                      <a:pt x="102394" y="264890"/>
                    </a:cubicBezTo>
                    <a:cubicBezTo>
                      <a:pt x="103432" y="264862"/>
                      <a:pt x="104442" y="264490"/>
                      <a:pt x="105251" y="263843"/>
                    </a:cubicBezTo>
                    <a:lnTo>
                      <a:pt x="176689" y="202502"/>
                    </a:lnTo>
                    <a:cubicBezTo>
                      <a:pt x="178365" y="201159"/>
                      <a:pt x="180442" y="200416"/>
                      <a:pt x="182594" y="200406"/>
                    </a:cubicBezTo>
                    <a:lnTo>
                      <a:pt x="236029" y="200406"/>
                    </a:lnTo>
                    <a:cubicBezTo>
                      <a:pt x="238449" y="200406"/>
                      <a:pt x="240411" y="198444"/>
                      <a:pt x="240411" y="196025"/>
                    </a:cubicBezTo>
                    <a:lnTo>
                      <a:pt x="240411" y="22384"/>
                    </a:lnTo>
                    <a:cubicBezTo>
                      <a:pt x="240468" y="20022"/>
                      <a:pt x="238592" y="18060"/>
                      <a:pt x="236220" y="18002"/>
                    </a:cubicBezTo>
                    <a:cubicBezTo>
                      <a:pt x="236163" y="18002"/>
                      <a:pt x="236096" y="18002"/>
                      <a:pt x="236029" y="18002"/>
                    </a:cubicBezTo>
                    <a:lnTo>
                      <a:pt x="22288" y="18002"/>
                    </a:lnTo>
                    <a:cubicBezTo>
                      <a:pt x="19869" y="18002"/>
                      <a:pt x="17907" y="19964"/>
                      <a:pt x="17907" y="22384"/>
                    </a:cubicBezTo>
                    <a:lnTo>
                      <a:pt x="17907" y="62484"/>
                    </a:lnTo>
                    <a:cubicBezTo>
                      <a:pt x="17907" y="67428"/>
                      <a:pt x="13897" y="71438"/>
                      <a:pt x="8953" y="71438"/>
                    </a:cubicBezTo>
                    <a:cubicBezTo>
                      <a:pt x="4010" y="71438"/>
                      <a:pt x="0" y="67428"/>
                      <a:pt x="0" y="62484"/>
                    </a:cubicBezTo>
                    <a:lnTo>
                      <a:pt x="0" y="22384"/>
                    </a:lnTo>
                    <a:cubicBezTo>
                      <a:pt x="0" y="10058"/>
                      <a:pt x="9963" y="57"/>
                      <a:pt x="22288" y="0"/>
                    </a:cubicBezTo>
                    <a:lnTo>
                      <a:pt x="236220" y="0"/>
                    </a:lnTo>
                    <a:cubicBezTo>
                      <a:pt x="248583" y="0"/>
                      <a:pt x="258604" y="10020"/>
                      <a:pt x="258604" y="22384"/>
                    </a:cubicBezTo>
                    <a:lnTo>
                      <a:pt x="258604" y="196215"/>
                    </a:lnTo>
                    <a:cubicBezTo>
                      <a:pt x="258556" y="208540"/>
                      <a:pt x="248545" y="218504"/>
                      <a:pt x="236220" y="218504"/>
                    </a:cubicBezTo>
                    <a:lnTo>
                      <a:pt x="187738" y="218504"/>
                    </a:lnTo>
                    <a:cubicBezTo>
                      <a:pt x="186690" y="218504"/>
                      <a:pt x="185680" y="218875"/>
                      <a:pt x="184880" y="219551"/>
                    </a:cubicBezTo>
                    <a:lnTo>
                      <a:pt x="94964" y="296609"/>
                    </a:lnTo>
                    <a:cubicBezTo>
                      <a:pt x="93326" y="297971"/>
                      <a:pt x="91278" y="298742"/>
                      <a:pt x="89154" y="298799"/>
                    </a:cubicBezTo>
                    <a:close/>
                  </a:path>
                </a:pathLst>
              </a:custGeom>
              <a:solidFill>
                <a:srgbClr val="265998"/>
              </a:solidFill>
              <a:ln w="9525" cap="flat">
                <a:noFill/>
                <a:prstDash val="solid"/>
                <a:miter/>
              </a:ln>
            </p:spPr>
            <p:txBody>
              <a:bodyPr rtlCol="0" anchor="ctr"/>
              <a:lstStyle/>
              <a:p>
                <a:endParaRPr lang="en-AU" sz="153"/>
              </a:p>
            </p:txBody>
          </p:sp>
          <p:sp>
            <p:nvSpPr>
              <p:cNvPr id="88" name="Graphic 2">
                <a:extLst>
                  <a:ext uri="{FF2B5EF4-FFF2-40B4-BE49-F238E27FC236}">
                    <a16:creationId xmlns:a16="http://schemas.microsoft.com/office/drawing/2014/main" id="{404C4F2E-3111-83AD-024A-007A3471D43C}"/>
                  </a:ext>
                </a:extLst>
              </p:cNvPr>
              <p:cNvSpPr/>
              <p:nvPr/>
            </p:nvSpPr>
            <p:spPr>
              <a:xfrm>
                <a:off x="4160873" y="2267362"/>
                <a:ext cx="149598" cy="18002"/>
              </a:xfrm>
              <a:custGeom>
                <a:avLst/>
                <a:gdLst>
                  <a:gd name="connsiteX0" fmla="*/ 8124 w 149598"/>
                  <a:gd name="connsiteY0" fmla="*/ 18002 h 18002"/>
                  <a:gd name="connsiteX1" fmla="*/ 47 w 149598"/>
                  <a:gd name="connsiteY1" fmla="*/ 8077 h 18002"/>
                  <a:gd name="connsiteX2" fmla="*/ 8124 w 149598"/>
                  <a:gd name="connsiteY2" fmla="*/ 0 h 18002"/>
                  <a:gd name="connsiteX3" fmla="*/ 141474 w 149598"/>
                  <a:gd name="connsiteY3" fmla="*/ 0 h 18002"/>
                  <a:gd name="connsiteX4" fmla="*/ 149551 w 149598"/>
                  <a:gd name="connsiteY4" fmla="*/ 9925 h 18002"/>
                  <a:gd name="connsiteX5" fmla="*/ 141474 w 149598"/>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49598" h="18002">
                    <a:moveTo>
                      <a:pt x="8124" y="18002"/>
                    </a:moveTo>
                    <a:cubicBezTo>
                      <a:pt x="3152" y="17488"/>
                      <a:pt x="-458" y="13049"/>
                      <a:pt x="47" y="8077"/>
                    </a:cubicBezTo>
                    <a:cubicBezTo>
                      <a:pt x="485" y="3810"/>
                      <a:pt x="3857" y="438"/>
                      <a:pt x="8124" y="0"/>
                    </a:cubicBezTo>
                    <a:lnTo>
                      <a:pt x="141474" y="0"/>
                    </a:lnTo>
                    <a:cubicBezTo>
                      <a:pt x="146446" y="514"/>
                      <a:pt x="150056" y="4953"/>
                      <a:pt x="149551" y="9925"/>
                    </a:cubicBezTo>
                    <a:cubicBezTo>
                      <a:pt x="149113" y="14192"/>
                      <a:pt x="145741" y="17564"/>
                      <a:pt x="141474" y="18002"/>
                    </a:cubicBezTo>
                    <a:close/>
                  </a:path>
                </a:pathLst>
              </a:custGeom>
              <a:solidFill>
                <a:srgbClr val="265998"/>
              </a:solidFill>
              <a:ln w="9525" cap="flat">
                <a:noFill/>
                <a:prstDash val="solid"/>
                <a:miter/>
              </a:ln>
            </p:spPr>
            <p:txBody>
              <a:bodyPr rtlCol="0" anchor="ctr"/>
              <a:lstStyle/>
              <a:p>
                <a:endParaRPr lang="en-AU" sz="153"/>
              </a:p>
            </p:txBody>
          </p:sp>
          <p:sp>
            <p:nvSpPr>
              <p:cNvPr id="89" name="Graphic 2">
                <a:extLst>
                  <a:ext uri="{FF2B5EF4-FFF2-40B4-BE49-F238E27FC236}">
                    <a16:creationId xmlns:a16="http://schemas.microsoft.com/office/drawing/2014/main" id="{7ADDE0CF-9AD0-7522-0F64-2BBC99DB3373}"/>
                  </a:ext>
                </a:extLst>
              </p:cNvPr>
              <p:cNvSpPr/>
              <p:nvPr/>
            </p:nvSpPr>
            <p:spPr>
              <a:xfrm>
                <a:off x="4160043" y="2320893"/>
                <a:ext cx="151257" cy="17907"/>
              </a:xfrm>
              <a:custGeom>
                <a:avLst/>
                <a:gdLst>
                  <a:gd name="connsiteX0" fmla="*/ 8954 w 151257"/>
                  <a:gd name="connsiteY0" fmla="*/ 17907 h 17907"/>
                  <a:gd name="connsiteX1" fmla="*/ 0 w 151257"/>
                  <a:gd name="connsiteY1" fmla="*/ 8954 h 17907"/>
                  <a:gd name="connsiteX2" fmla="*/ 8954 w 151257"/>
                  <a:gd name="connsiteY2" fmla="*/ 0 h 17907"/>
                  <a:gd name="connsiteX3" fmla="*/ 142304 w 151257"/>
                  <a:gd name="connsiteY3" fmla="*/ 0 h 17907"/>
                  <a:gd name="connsiteX4" fmla="*/ 151257 w 151257"/>
                  <a:gd name="connsiteY4" fmla="*/ 8954 h 17907"/>
                  <a:gd name="connsiteX5" fmla="*/ 142304 w 151257"/>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1257" h="17907">
                    <a:moveTo>
                      <a:pt x="8954" y="17907"/>
                    </a:moveTo>
                    <a:cubicBezTo>
                      <a:pt x="4010" y="17907"/>
                      <a:pt x="0" y="13897"/>
                      <a:pt x="0" y="8954"/>
                    </a:cubicBezTo>
                    <a:cubicBezTo>
                      <a:pt x="0" y="4010"/>
                      <a:pt x="4010" y="0"/>
                      <a:pt x="8954" y="0"/>
                    </a:cubicBezTo>
                    <a:lnTo>
                      <a:pt x="142304" y="0"/>
                    </a:lnTo>
                    <a:cubicBezTo>
                      <a:pt x="147247" y="0"/>
                      <a:pt x="151257" y="4010"/>
                      <a:pt x="151257" y="8954"/>
                    </a:cubicBezTo>
                    <a:cubicBezTo>
                      <a:pt x="151257" y="13897"/>
                      <a:pt x="147247" y="17907"/>
                      <a:pt x="142304" y="17907"/>
                    </a:cubicBezTo>
                    <a:close/>
                  </a:path>
                </a:pathLst>
              </a:custGeom>
              <a:solidFill>
                <a:srgbClr val="265998"/>
              </a:solidFill>
              <a:ln w="9525" cap="flat">
                <a:noFill/>
                <a:prstDash val="solid"/>
                <a:miter/>
              </a:ln>
            </p:spPr>
            <p:txBody>
              <a:bodyPr rtlCol="0" anchor="ctr"/>
              <a:lstStyle/>
              <a:p>
                <a:endParaRPr lang="en-AU" sz="153"/>
              </a:p>
            </p:txBody>
          </p:sp>
        </p:grpSp>
        <p:grpSp>
          <p:nvGrpSpPr>
            <p:cNvPr id="6" name="Group 5">
              <a:extLst>
                <a:ext uri="{FF2B5EF4-FFF2-40B4-BE49-F238E27FC236}">
                  <a16:creationId xmlns:a16="http://schemas.microsoft.com/office/drawing/2014/main" id="{1F89CF72-90B9-6ABA-6B7F-BD68A07E3493}"/>
                </a:ext>
              </a:extLst>
            </p:cNvPr>
            <p:cNvGrpSpPr/>
            <p:nvPr/>
          </p:nvGrpSpPr>
          <p:grpSpPr>
            <a:xfrm>
              <a:off x="4681122" y="3307133"/>
              <a:ext cx="953978" cy="821651"/>
              <a:chOff x="1692878" y="4266565"/>
              <a:chExt cx="498778" cy="429101"/>
            </a:xfrm>
          </p:grpSpPr>
          <p:sp>
            <p:nvSpPr>
              <p:cNvPr id="7" name="Freeform: Shape 6">
                <a:extLst>
                  <a:ext uri="{FF2B5EF4-FFF2-40B4-BE49-F238E27FC236}">
                    <a16:creationId xmlns:a16="http://schemas.microsoft.com/office/drawing/2014/main" id="{C8E6DB49-6488-43A3-AA10-814BB72804FF}"/>
                  </a:ext>
                </a:extLst>
              </p:cNvPr>
              <p:cNvSpPr/>
              <p:nvPr/>
            </p:nvSpPr>
            <p:spPr>
              <a:xfrm>
                <a:off x="1943100" y="4594225"/>
                <a:ext cx="236220" cy="90963"/>
              </a:xfrm>
              <a:custGeom>
                <a:avLst/>
                <a:gdLst>
                  <a:gd name="connsiteX0" fmla="*/ 225742 w 236220"/>
                  <a:gd name="connsiteY0" fmla="*/ 36004 h 90963"/>
                  <a:gd name="connsiteX1" fmla="*/ 190500 w 236220"/>
                  <a:gd name="connsiteY1" fmla="*/ 0 h 90963"/>
                  <a:gd name="connsiteX2" fmla="*/ 161925 w 236220"/>
                  <a:gd name="connsiteY2" fmla="*/ 0 h 90963"/>
                  <a:gd name="connsiteX3" fmla="*/ 76200 w 236220"/>
                  <a:gd name="connsiteY3" fmla="*/ 0 h 90963"/>
                  <a:gd name="connsiteX4" fmla="*/ 68866 w 236220"/>
                  <a:gd name="connsiteY4" fmla="*/ 0 h 90963"/>
                  <a:gd name="connsiteX5" fmla="*/ 11716 w 236220"/>
                  <a:gd name="connsiteY5" fmla="*/ 27051 h 90963"/>
                  <a:gd name="connsiteX6" fmla="*/ 0 w 236220"/>
                  <a:gd name="connsiteY6" fmla="*/ 90964 h 90963"/>
                  <a:gd name="connsiteX7" fmla="*/ 236220 w 236220"/>
                  <a:gd name="connsiteY7" fmla="*/ 90964 h 909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6220" h="90963">
                    <a:moveTo>
                      <a:pt x="225742" y="36004"/>
                    </a:moveTo>
                    <a:lnTo>
                      <a:pt x="190500" y="0"/>
                    </a:lnTo>
                    <a:lnTo>
                      <a:pt x="161925" y="0"/>
                    </a:lnTo>
                    <a:cubicBezTo>
                      <a:pt x="134464" y="11287"/>
                      <a:pt x="103661" y="11287"/>
                      <a:pt x="76200" y="0"/>
                    </a:cubicBezTo>
                    <a:lnTo>
                      <a:pt x="68866" y="0"/>
                    </a:lnTo>
                    <a:lnTo>
                      <a:pt x="11716" y="27051"/>
                    </a:lnTo>
                    <a:lnTo>
                      <a:pt x="0" y="90964"/>
                    </a:lnTo>
                    <a:lnTo>
                      <a:pt x="236220" y="90964"/>
                    </a:lnTo>
                    <a:close/>
                  </a:path>
                </a:pathLst>
              </a:custGeom>
              <a:solidFill>
                <a:srgbClr val="66B9DA"/>
              </a:solidFill>
              <a:ln w="9525" cap="flat">
                <a:noFill/>
                <a:prstDash val="solid"/>
                <a:miter/>
              </a:ln>
            </p:spPr>
            <p:txBody>
              <a:bodyPr rtlCol="0" anchor="ctr"/>
              <a:lstStyle/>
              <a:p>
                <a:endParaRPr lang="en-AU" sz="153"/>
              </a:p>
            </p:txBody>
          </p:sp>
          <p:sp>
            <p:nvSpPr>
              <p:cNvPr id="9" name="Freeform: Shape 8">
                <a:extLst>
                  <a:ext uri="{FF2B5EF4-FFF2-40B4-BE49-F238E27FC236}">
                    <a16:creationId xmlns:a16="http://schemas.microsoft.com/office/drawing/2014/main" id="{7F5F2C56-C1BA-CAB7-090E-EBC4F1BFE3AF}"/>
                  </a:ext>
                </a:extLst>
              </p:cNvPr>
              <p:cNvSpPr/>
              <p:nvPr/>
            </p:nvSpPr>
            <p:spPr>
              <a:xfrm>
                <a:off x="1932181" y="4585461"/>
                <a:ext cx="259475" cy="110205"/>
              </a:xfrm>
              <a:custGeom>
                <a:avLst/>
                <a:gdLst>
                  <a:gd name="connsiteX0" fmla="*/ 5203 w 259475"/>
                  <a:gd name="connsiteY0" fmla="*/ 105823 h 110205"/>
                  <a:gd name="connsiteX1" fmla="*/ 727 w 259475"/>
                  <a:gd name="connsiteY1" fmla="*/ 89249 h 110205"/>
                  <a:gd name="connsiteX2" fmla="*/ 28825 w 259475"/>
                  <a:gd name="connsiteY2" fmla="*/ 19050 h 110205"/>
                  <a:gd name="connsiteX3" fmla="*/ 76450 w 259475"/>
                  <a:gd name="connsiteY3" fmla="*/ 0 h 110205"/>
                  <a:gd name="connsiteX4" fmla="*/ 78165 w 259475"/>
                  <a:gd name="connsiteY4" fmla="*/ 0 h 110205"/>
                  <a:gd name="connsiteX5" fmla="*/ 85975 w 259475"/>
                  <a:gd name="connsiteY5" fmla="*/ 10144 h 110205"/>
                  <a:gd name="connsiteX6" fmla="*/ 77593 w 259475"/>
                  <a:gd name="connsiteY6" fmla="*/ 18002 h 110205"/>
                  <a:gd name="connsiteX7" fmla="*/ 75974 w 259475"/>
                  <a:gd name="connsiteY7" fmla="*/ 18002 h 110205"/>
                  <a:gd name="connsiteX8" fmla="*/ 40351 w 259475"/>
                  <a:gd name="connsiteY8" fmla="*/ 32861 h 110205"/>
                  <a:gd name="connsiteX9" fmla="*/ 18348 w 259475"/>
                  <a:gd name="connsiteY9" fmla="*/ 88964 h 110205"/>
                  <a:gd name="connsiteX10" fmla="*/ 22729 w 259475"/>
                  <a:gd name="connsiteY10" fmla="*/ 93726 h 110205"/>
                  <a:gd name="connsiteX11" fmla="*/ 53400 w 259475"/>
                  <a:gd name="connsiteY11" fmla="*/ 92297 h 110205"/>
                  <a:gd name="connsiteX12" fmla="*/ 53400 w 259475"/>
                  <a:gd name="connsiteY12" fmla="*/ 62579 h 110205"/>
                  <a:gd name="connsiteX13" fmla="*/ 62353 w 259475"/>
                  <a:gd name="connsiteY13" fmla="*/ 53626 h 110205"/>
                  <a:gd name="connsiteX14" fmla="*/ 71307 w 259475"/>
                  <a:gd name="connsiteY14" fmla="*/ 62579 h 110205"/>
                  <a:gd name="connsiteX15" fmla="*/ 71307 w 259475"/>
                  <a:gd name="connsiteY15" fmla="*/ 92297 h 110205"/>
                  <a:gd name="connsiteX16" fmla="*/ 187131 w 259475"/>
                  <a:gd name="connsiteY16" fmla="*/ 92297 h 110205"/>
                  <a:gd name="connsiteX17" fmla="*/ 187131 w 259475"/>
                  <a:gd name="connsiteY17" fmla="*/ 62579 h 110205"/>
                  <a:gd name="connsiteX18" fmla="*/ 196084 w 259475"/>
                  <a:gd name="connsiteY18" fmla="*/ 53626 h 110205"/>
                  <a:gd name="connsiteX19" fmla="*/ 205038 w 259475"/>
                  <a:gd name="connsiteY19" fmla="*/ 62579 h 110205"/>
                  <a:gd name="connsiteX20" fmla="*/ 205038 w 259475"/>
                  <a:gd name="connsiteY20" fmla="*/ 92297 h 110205"/>
                  <a:gd name="connsiteX21" fmla="*/ 238947 w 259475"/>
                  <a:gd name="connsiteY21" fmla="*/ 92297 h 110205"/>
                  <a:gd name="connsiteX22" fmla="*/ 240090 w 259475"/>
                  <a:gd name="connsiteY22" fmla="*/ 88964 h 110205"/>
                  <a:gd name="connsiteX23" fmla="*/ 218087 w 259475"/>
                  <a:gd name="connsiteY23" fmla="*/ 32861 h 110205"/>
                  <a:gd name="connsiteX24" fmla="*/ 181987 w 259475"/>
                  <a:gd name="connsiteY24" fmla="*/ 18098 h 110205"/>
                  <a:gd name="connsiteX25" fmla="*/ 181035 w 259475"/>
                  <a:gd name="connsiteY25" fmla="*/ 18098 h 110205"/>
                  <a:gd name="connsiteX26" fmla="*/ 171700 w 259475"/>
                  <a:gd name="connsiteY26" fmla="*/ 9525 h 110205"/>
                  <a:gd name="connsiteX27" fmla="*/ 180273 w 259475"/>
                  <a:gd name="connsiteY27" fmla="*/ 191 h 110205"/>
                  <a:gd name="connsiteX28" fmla="*/ 182368 w 259475"/>
                  <a:gd name="connsiteY28" fmla="*/ 191 h 110205"/>
                  <a:gd name="connsiteX29" fmla="*/ 229993 w 259475"/>
                  <a:gd name="connsiteY29" fmla="*/ 19241 h 110205"/>
                  <a:gd name="connsiteX30" fmla="*/ 258568 w 259475"/>
                  <a:gd name="connsiteY30" fmla="*/ 89440 h 110205"/>
                  <a:gd name="connsiteX31" fmla="*/ 254663 w 259475"/>
                  <a:gd name="connsiteY31" fmla="*/ 106013 h 110205"/>
                  <a:gd name="connsiteX32" fmla="*/ 5203 w 259475"/>
                  <a:gd name="connsiteY32" fmla="*/ 105823 h 1102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59475" h="110205">
                    <a:moveTo>
                      <a:pt x="5203" y="105823"/>
                    </a:moveTo>
                    <a:cubicBezTo>
                      <a:pt x="622" y="101632"/>
                      <a:pt x="-1121" y="95174"/>
                      <a:pt x="727" y="89249"/>
                    </a:cubicBezTo>
                    <a:cubicBezTo>
                      <a:pt x="2727" y="58293"/>
                      <a:pt x="12252" y="34671"/>
                      <a:pt x="28825" y="19050"/>
                    </a:cubicBezTo>
                    <a:cubicBezTo>
                      <a:pt x="41846" y="7106"/>
                      <a:pt x="58781" y="333"/>
                      <a:pt x="76450" y="0"/>
                    </a:cubicBezTo>
                    <a:lnTo>
                      <a:pt x="78165" y="0"/>
                    </a:lnTo>
                    <a:cubicBezTo>
                      <a:pt x="83118" y="648"/>
                      <a:pt x="86614" y="5182"/>
                      <a:pt x="85975" y="10144"/>
                    </a:cubicBezTo>
                    <a:cubicBezTo>
                      <a:pt x="85413" y="14421"/>
                      <a:pt x="81908" y="17717"/>
                      <a:pt x="77593" y="18002"/>
                    </a:cubicBezTo>
                    <a:lnTo>
                      <a:pt x="75974" y="18002"/>
                    </a:lnTo>
                    <a:cubicBezTo>
                      <a:pt x="62677" y="18402"/>
                      <a:pt x="49990" y="23698"/>
                      <a:pt x="40351" y="32861"/>
                    </a:cubicBezTo>
                    <a:cubicBezTo>
                      <a:pt x="26358" y="48216"/>
                      <a:pt x="18519" y="68190"/>
                      <a:pt x="18348" y="88964"/>
                    </a:cubicBezTo>
                    <a:cubicBezTo>
                      <a:pt x="19072" y="91097"/>
                      <a:pt x="20662" y="92831"/>
                      <a:pt x="22729" y="93726"/>
                    </a:cubicBezTo>
                    <a:cubicBezTo>
                      <a:pt x="22729" y="93726"/>
                      <a:pt x="53400" y="94679"/>
                      <a:pt x="53400" y="92297"/>
                    </a:cubicBezTo>
                    <a:lnTo>
                      <a:pt x="53400" y="62579"/>
                    </a:lnTo>
                    <a:cubicBezTo>
                      <a:pt x="53400" y="57636"/>
                      <a:pt x="57410" y="53626"/>
                      <a:pt x="62353" y="53626"/>
                    </a:cubicBezTo>
                    <a:cubicBezTo>
                      <a:pt x="67297" y="53626"/>
                      <a:pt x="71307" y="57636"/>
                      <a:pt x="71307" y="62579"/>
                    </a:cubicBezTo>
                    <a:lnTo>
                      <a:pt x="71307" y="92297"/>
                    </a:lnTo>
                    <a:cubicBezTo>
                      <a:pt x="71307" y="94679"/>
                      <a:pt x="187131" y="94679"/>
                      <a:pt x="187131" y="92297"/>
                    </a:cubicBezTo>
                    <a:lnTo>
                      <a:pt x="187131" y="62579"/>
                    </a:lnTo>
                    <a:cubicBezTo>
                      <a:pt x="187131" y="57636"/>
                      <a:pt x="191141" y="53626"/>
                      <a:pt x="196084" y="53626"/>
                    </a:cubicBezTo>
                    <a:cubicBezTo>
                      <a:pt x="201028" y="53626"/>
                      <a:pt x="205038" y="57636"/>
                      <a:pt x="205038" y="62579"/>
                    </a:cubicBezTo>
                    <a:lnTo>
                      <a:pt x="205038" y="92297"/>
                    </a:lnTo>
                    <a:cubicBezTo>
                      <a:pt x="205038" y="94679"/>
                      <a:pt x="238090" y="93154"/>
                      <a:pt x="238947" y="92297"/>
                    </a:cubicBezTo>
                    <a:cubicBezTo>
                      <a:pt x="239756" y="91383"/>
                      <a:pt x="240166" y="90183"/>
                      <a:pt x="240090" y="88964"/>
                    </a:cubicBezTo>
                    <a:cubicBezTo>
                      <a:pt x="239918" y="68190"/>
                      <a:pt x="232079" y="48216"/>
                      <a:pt x="218087" y="32861"/>
                    </a:cubicBezTo>
                    <a:cubicBezTo>
                      <a:pt x="208324" y="23594"/>
                      <a:pt x="195446" y="18326"/>
                      <a:pt x="181987" y="18098"/>
                    </a:cubicBezTo>
                    <a:lnTo>
                      <a:pt x="181035" y="18098"/>
                    </a:lnTo>
                    <a:cubicBezTo>
                      <a:pt x="176091" y="18307"/>
                      <a:pt x="171910" y="14469"/>
                      <a:pt x="171700" y="9525"/>
                    </a:cubicBezTo>
                    <a:cubicBezTo>
                      <a:pt x="171491" y="4582"/>
                      <a:pt x="175329" y="400"/>
                      <a:pt x="180273" y="191"/>
                    </a:cubicBezTo>
                    <a:lnTo>
                      <a:pt x="182368" y="191"/>
                    </a:lnTo>
                    <a:cubicBezTo>
                      <a:pt x="200037" y="533"/>
                      <a:pt x="216963" y="7306"/>
                      <a:pt x="229993" y="19241"/>
                    </a:cubicBezTo>
                    <a:cubicBezTo>
                      <a:pt x="246567" y="34862"/>
                      <a:pt x="256092" y="58484"/>
                      <a:pt x="258568" y="89440"/>
                    </a:cubicBezTo>
                    <a:cubicBezTo>
                      <a:pt x="260635" y="95250"/>
                      <a:pt x="259102" y="101737"/>
                      <a:pt x="254663" y="106013"/>
                    </a:cubicBezTo>
                    <a:cubicBezTo>
                      <a:pt x="247329" y="111347"/>
                      <a:pt x="12538" y="111919"/>
                      <a:pt x="5203" y="105823"/>
                    </a:cubicBezTo>
                    <a:close/>
                  </a:path>
                </a:pathLst>
              </a:custGeom>
              <a:solidFill>
                <a:srgbClr val="265998"/>
              </a:solidFill>
              <a:ln w="9525" cap="flat">
                <a:noFill/>
                <a:prstDash val="solid"/>
                <a:miter/>
              </a:ln>
            </p:spPr>
            <p:txBody>
              <a:bodyPr rtlCol="0" anchor="ctr"/>
              <a:lstStyle/>
              <a:p>
                <a:endParaRPr lang="en-AU" sz="153"/>
              </a:p>
            </p:txBody>
          </p:sp>
          <p:sp>
            <p:nvSpPr>
              <p:cNvPr id="10" name="Freeform: Shape 9">
                <a:extLst>
                  <a:ext uri="{FF2B5EF4-FFF2-40B4-BE49-F238E27FC236}">
                    <a16:creationId xmlns:a16="http://schemas.microsoft.com/office/drawing/2014/main" id="{3329FC11-FED5-26AD-F009-162B0E613E7C}"/>
                  </a:ext>
                </a:extLst>
              </p:cNvPr>
              <p:cNvSpPr/>
              <p:nvPr/>
            </p:nvSpPr>
            <p:spPr>
              <a:xfrm>
                <a:off x="2005583" y="4411344"/>
                <a:ext cx="112395" cy="159543"/>
              </a:xfrm>
              <a:custGeom>
                <a:avLst/>
                <a:gdLst>
                  <a:gd name="connsiteX0" fmla="*/ 56198 w 112395"/>
                  <a:gd name="connsiteY0" fmla="*/ 159544 h 159543"/>
                  <a:gd name="connsiteX1" fmla="*/ 0 w 112395"/>
                  <a:gd name="connsiteY1" fmla="*/ 69628 h 159543"/>
                  <a:gd name="connsiteX2" fmla="*/ 56198 w 112395"/>
                  <a:gd name="connsiteY2" fmla="*/ 0 h 159543"/>
                  <a:gd name="connsiteX3" fmla="*/ 112395 w 112395"/>
                  <a:gd name="connsiteY3" fmla="*/ 69628 h 159543"/>
                  <a:gd name="connsiteX4" fmla="*/ 56198 w 112395"/>
                  <a:gd name="connsiteY4" fmla="*/ 159544 h 159543"/>
                  <a:gd name="connsiteX5" fmla="*/ 56198 w 112395"/>
                  <a:gd name="connsiteY5" fmla="*/ 18002 h 159543"/>
                  <a:gd name="connsiteX6" fmla="*/ 18098 w 112395"/>
                  <a:gd name="connsiteY6" fmla="*/ 69628 h 159543"/>
                  <a:gd name="connsiteX7" fmla="*/ 56198 w 112395"/>
                  <a:gd name="connsiteY7" fmla="*/ 141637 h 159543"/>
                  <a:gd name="connsiteX8" fmla="*/ 94298 w 112395"/>
                  <a:gd name="connsiteY8" fmla="*/ 69628 h 159543"/>
                  <a:gd name="connsiteX9" fmla="*/ 56198 w 112395"/>
                  <a:gd name="connsiteY9" fmla="*/ 18002 h 159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2395" h="159543">
                    <a:moveTo>
                      <a:pt x="56198" y="159544"/>
                    </a:moveTo>
                    <a:cubicBezTo>
                      <a:pt x="24670" y="159544"/>
                      <a:pt x="0" y="120110"/>
                      <a:pt x="0" y="69628"/>
                    </a:cubicBezTo>
                    <a:cubicBezTo>
                      <a:pt x="0" y="26003"/>
                      <a:pt x="21050" y="0"/>
                      <a:pt x="56198" y="0"/>
                    </a:cubicBezTo>
                    <a:cubicBezTo>
                      <a:pt x="91345" y="0"/>
                      <a:pt x="112395" y="26003"/>
                      <a:pt x="112395" y="69628"/>
                    </a:cubicBezTo>
                    <a:cubicBezTo>
                      <a:pt x="112395" y="120110"/>
                      <a:pt x="87725" y="159544"/>
                      <a:pt x="56198" y="159544"/>
                    </a:cubicBezTo>
                    <a:close/>
                    <a:moveTo>
                      <a:pt x="56198" y="18002"/>
                    </a:moveTo>
                    <a:cubicBezTo>
                      <a:pt x="30861" y="18002"/>
                      <a:pt x="18098" y="35338"/>
                      <a:pt x="18098" y="69628"/>
                    </a:cubicBezTo>
                    <a:cubicBezTo>
                      <a:pt x="18098" y="112681"/>
                      <a:pt x="37814" y="141637"/>
                      <a:pt x="56198" y="141637"/>
                    </a:cubicBezTo>
                    <a:cubicBezTo>
                      <a:pt x="74581" y="141637"/>
                      <a:pt x="94298" y="113062"/>
                      <a:pt x="94298" y="69628"/>
                    </a:cubicBezTo>
                    <a:cubicBezTo>
                      <a:pt x="94393" y="35338"/>
                      <a:pt x="81534" y="18002"/>
                      <a:pt x="56198" y="18002"/>
                    </a:cubicBezTo>
                    <a:close/>
                  </a:path>
                </a:pathLst>
              </a:custGeom>
              <a:solidFill>
                <a:srgbClr val="265998"/>
              </a:solidFill>
              <a:ln w="9525" cap="flat">
                <a:noFill/>
                <a:prstDash val="solid"/>
                <a:miter/>
              </a:ln>
            </p:spPr>
            <p:txBody>
              <a:bodyPr rtlCol="0" anchor="ctr"/>
              <a:lstStyle/>
              <a:p>
                <a:endParaRPr lang="en-AU" sz="153"/>
              </a:p>
            </p:txBody>
          </p:sp>
          <p:sp>
            <p:nvSpPr>
              <p:cNvPr id="11" name="Freeform: Shape 10">
                <a:extLst>
                  <a:ext uri="{FF2B5EF4-FFF2-40B4-BE49-F238E27FC236}">
                    <a16:creationId xmlns:a16="http://schemas.microsoft.com/office/drawing/2014/main" id="{50596043-4524-E2C4-77AC-73B4930EF7A1}"/>
                  </a:ext>
                </a:extLst>
              </p:cNvPr>
              <p:cNvSpPr/>
              <p:nvPr/>
            </p:nvSpPr>
            <p:spPr>
              <a:xfrm>
                <a:off x="1708499" y="4282281"/>
                <a:ext cx="255746" cy="246857"/>
              </a:xfrm>
              <a:custGeom>
                <a:avLst/>
                <a:gdLst>
                  <a:gd name="connsiteX0" fmla="*/ 0 w 255746"/>
                  <a:gd name="connsiteY0" fmla="*/ 109919 h 246857"/>
                  <a:gd name="connsiteX1" fmla="*/ 127825 w 255746"/>
                  <a:gd name="connsiteY1" fmla="*/ 219932 h 246857"/>
                  <a:gd name="connsiteX2" fmla="*/ 174688 w 255746"/>
                  <a:gd name="connsiteY2" fmla="*/ 212217 h 246857"/>
                  <a:gd name="connsiteX3" fmla="*/ 176594 w 255746"/>
                  <a:gd name="connsiteY3" fmla="*/ 212217 h 246857"/>
                  <a:gd name="connsiteX4" fmla="*/ 179356 w 255746"/>
                  <a:gd name="connsiteY4" fmla="*/ 212884 h 246857"/>
                  <a:gd name="connsiteX5" fmla="*/ 245173 w 255746"/>
                  <a:gd name="connsiteY5" fmla="*/ 246793 h 246857"/>
                  <a:gd name="connsiteX6" fmla="*/ 246507 w 255746"/>
                  <a:gd name="connsiteY6" fmla="*/ 246793 h 246857"/>
                  <a:gd name="connsiteX7" fmla="*/ 248412 w 255746"/>
                  <a:gd name="connsiteY7" fmla="*/ 246126 h 246857"/>
                  <a:gd name="connsiteX8" fmla="*/ 249365 w 255746"/>
                  <a:gd name="connsiteY8" fmla="*/ 242983 h 246857"/>
                  <a:gd name="connsiteX9" fmla="*/ 229267 w 255746"/>
                  <a:gd name="connsiteY9" fmla="*/ 181261 h 246857"/>
                  <a:gd name="connsiteX10" fmla="*/ 230410 w 255746"/>
                  <a:gd name="connsiteY10" fmla="*/ 175451 h 246857"/>
                  <a:gd name="connsiteX11" fmla="*/ 255746 w 255746"/>
                  <a:gd name="connsiteY11" fmla="*/ 110014 h 246857"/>
                  <a:gd name="connsiteX12" fmla="*/ 127825 w 255746"/>
                  <a:gd name="connsiteY12" fmla="*/ 0 h 246857"/>
                  <a:gd name="connsiteX13" fmla="*/ 0 w 255746"/>
                  <a:gd name="connsiteY13" fmla="*/ 109919 h 2468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55746" h="246857">
                    <a:moveTo>
                      <a:pt x="0" y="109919"/>
                    </a:moveTo>
                    <a:cubicBezTo>
                      <a:pt x="0" y="170593"/>
                      <a:pt x="57150" y="219932"/>
                      <a:pt x="127825" y="219932"/>
                    </a:cubicBezTo>
                    <a:cubicBezTo>
                      <a:pt x="143761" y="219951"/>
                      <a:pt x="159601" y="217341"/>
                      <a:pt x="174688" y="212217"/>
                    </a:cubicBezTo>
                    <a:cubicBezTo>
                      <a:pt x="175317" y="212122"/>
                      <a:pt x="175965" y="212122"/>
                      <a:pt x="176594" y="212217"/>
                    </a:cubicBezTo>
                    <a:cubicBezTo>
                      <a:pt x="177546" y="212245"/>
                      <a:pt x="178489" y="212474"/>
                      <a:pt x="179356" y="212884"/>
                    </a:cubicBezTo>
                    <a:lnTo>
                      <a:pt x="245173" y="246793"/>
                    </a:lnTo>
                    <a:cubicBezTo>
                      <a:pt x="245612" y="246879"/>
                      <a:pt x="246069" y="246879"/>
                      <a:pt x="246507" y="246793"/>
                    </a:cubicBezTo>
                    <a:cubicBezTo>
                      <a:pt x="247202" y="246821"/>
                      <a:pt x="247888" y="246583"/>
                      <a:pt x="248412" y="246126"/>
                    </a:cubicBezTo>
                    <a:cubicBezTo>
                      <a:pt x="249317" y="245355"/>
                      <a:pt x="249688" y="244126"/>
                      <a:pt x="249365" y="242983"/>
                    </a:cubicBezTo>
                    <a:lnTo>
                      <a:pt x="229267" y="181261"/>
                    </a:lnTo>
                    <a:cubicBezTo>
                      <a:pt x="228619" y="179261"/>
                      <a:pt x="229048" y="177060"/>
                      <a:pt x="230410" y="175451"/>
                    </a:cubicBezTo>
                    <a:cubicBezTo>
                      <a:pt x="246536" y="157448"/>
                      <a:pt x="255546" y="134179"/>
                      <a:pt x="255746" y="110014"/>
                    </a:cubicBezTo>
                    <a:cubicBezTo>
                      <a:pt x="255746" y="49339"/>
                      <a:pt x="198596" y="0"/>
                      <a:pt x="127825" y="0"/>
                    </a:cubicBezTo>
                    <a:cubicBezTo>
                      <a:pt x="57055" y="0"/>
                      <a:pt x="0" y="49244"/>
                      <a:pt x="0" y="109919"/>
                    </a:cubicBezTo>
                    <a:close/>
                  </a:path>
                </a:pathLst>
              </a:custGeom>
              <a:solidFill>
                <a:srgbClr val="C7E4F1"/>
              </a:solidFill>
              <a:ln w="9525" cap="flat">
                <a:noFill/>
                <a:prstDash val="solid"/>
                <a:miter/>
              </a:ln>
            </p:spPr>
            <p:txBody>
              <a:bodyPr rtlCol="0" anchor="ctr"/>
              <a:lstStyle/>
              <a:p>
                <a:endParaRPr lang="en-AU" sz="153"/>
              </a:p>
            </p:txBody>
          </p:sp>
          <p:sp>
            <p:nvSpPr>
              <p:cNvPr id="12" name="Freeform: Shape 11">
                <a:extLst>
                  <a:ext uri="{FF2B5EF4-FFF2-40B4-BE49-F238E27FC236}">
                    <a16:creationId xmlns:a16="http://schemas.microsoft.com/office/drawing/2014/main" id="{8F7951A2-5BB2-6BDB-69C7-43F55FDE217A}"/>
                  </a:ext>
                </a:extLst>
              </p:cNvPr>
              <p:cNvSpPr/>
              <p:nvPr/>
            </p:nvSpPr>
            <p:spPr>
              <a:xfrm>
                <a:off x="1692878" y="4266565"/>
                <a:ext cx="286893" cy="286904"/>
              </a:xfrm>
              <a:custGeom>
                <a:avLst/>
                <a:gdLst>
                  <a:gd name="connsiteX0" fmla="*/ 272986 w 286893"/>
                  <a:gd name="connsiteY0" fmla="*/ 285845 h 286904"/>
                  <a:gd name="connsiteX1" fmla="*/ 191643 w 286893"/>
                  <a:gd name="connsiteY1" fmla="*/ 243840 h 286904"/>
                  <a:gd name="connsiteX2" fmla="*/ 143446 w 286893"/>
                  <a:gd name="connsiteY2" fmla="*/ 251174 h 286904"/>
                  <a:gd name="connsiteX3" fmla="*/ 0 w 286893"/>
                  <a:gd name="connsiteY3" fmla="*/ 125635 h 286904"/>
                  <a:gd name="connsiteX4" fmla="*/ 143446 w 286893"/>
                  <a:gd name="connsiteY4" fmla="*/ 0 h 286904"/>
                  <a:gd name="connsiteX5" fmla="*/ 286893 w 286893"/>
                  <a:gd name="connsiteY5" fmla="*/ 125635 h 286904"/>
                  <a:gd name="connsiteX6" fmla="*/ 261175 w 286893"/>
                  <a:gd name="connsiteY6" fmla="*/ 196787 h 286904"/>
                  <a:gd name="connsiteX7" fmla="*/ 286417 w 286893"/>
                  <a:gd name="connsiteY7" fmla="*/ 274415 h 286904"/>
                  <a:gd name="connsiteX8" fmla="*/ 280330 w 286893"/>
                  <a:gd name="connsiteY8" fmla="*/ 286436 h 286904"/>
                  <a:gd name="connsiteX9" fmla="*/ 276892 w 286893"/>
                  <a:gd name="connsiteY9" fmla="*/ 286893 h 286904"/>
                  <a:gd name="connsiteX10" fmla="*/ 272986 w 286893"/>
                  <a:gd name="connsiteY10" fmla="*/ 285845 h 286904"/>
                  <a:gd name="connsiteX11" fmla="*/ 19145 w 286893"/>
                  <a:gd name="connsiteY11" fmla="*/ 125635 h 286904"/>
                  <a:gd name="connsiteX12" fmla="*/ 143446 w 286893"/>
                  <a:gd name="connsiteY12" fmla="*/ 232124 h 286904"/>
                  <a:gd name="connsiteX13" fmla="*/ 189166 w 286893"/>
                  <a:gd name="connsiteY13" fmla="*/ 224504 h 286904"/>
                  <a:gd name="connsiteX14" fmla="*/ 196596 w 286893"/>
                  <a:gd name="connsiteY14" fmla="*/ 225076 h 286904"/>
                  <a:gd name="connsiteX15" fmla="*/ 261080 w 286893"/>
                  <a:gd name="connsiteY15" fmla="*/ 258318 h 286904"/>
                  <a:gd name="connsiteX16" fmla="*/ 241459 w 286893"/>
                  <a:gd name="connsiteY16" fmla="*/ 198025 h 286904"/>
                  <a:gd name="connsiteX17" fmla="*/ 243364 w 286893"/>
                  <a:gd name="connsiteY17" fmla="*/ 188500 h 286904"/>
                  <a:gd name="connsiteX18" fmla="*/ 267748 w 286893"/>
                  <a:gd name="connsiteY18" fmla="*/ 125349 h 286904"/>
                  <a:gd name="connsiteX19" fmla="*/ 143923 w 286893"/>
                  <a:gd name="connsiteY19" fmla="*/ 18859 h 286904"/>
                  <a:gd name="connsiteX20" fmla="*/ 19145 w 286893"/>
                  <a:gd name="connsiteY20" fmla="*/ 125635 h 2869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286893" h="286904">
                    <a:moveTo>
                      <a:pt x="272986" y="285845"/>
                    </a:moveTo>
                    <a:lnTo>
                      <a:pt x="191643" y="243840"/>
                    </a:lnTo>
                    <a:cubicBezTo>
                      <a:pt x="176041" y="248707"/>
                      <a:pt x="159791" y="251174"/>
                      <a:pt x="143446" y="251174"/>
                    </a:cubicBezTo>
                    <a:cubicBezTo>
                      <a:pt x="64389" y="251174"/>
                      <a:pt x="0" y="194881"/>
                      <a:pt x="0" y="125635"/>
                    </a:cubicBezTo>
                    <a:cubicBezTo>
                      <a:pt x="0" y="56388"/>
                      <a:pt x="64389" y="0"/>
                      <a:pt x="143446" y="0"/>
                    </a:cubicBezTo>
                    <a:cubicBezTo>
                      <a:pt x="222504" y="0"/>
                      <a:pt x="286893" y="56388"/>
                      <a:pt x="286893" y="125635"/>
                    </a:cubicBezTo>
                    <a:cubicBezTo>
                      <a:pt x="286817" y="151609"/>
                      <a:pt x="277730" y="176765"/>
                      <a:pt x="261175" y="196787"/>
                    </a:cubicBezTo>
                    <a:lnTo>
                      <a:pt x="286417" y="274415"/>
                    </a:lnTo>
                    <a:cubicBezTo>
                      <a:pt x="288055" y="279416"/>
                      <a:pt x="285331" y="284797"/>
                      <a:pt x="280330" y="286436"/>
                    </a:cubicBezTo>
                    <a:cubicBezTo>
                      <a:pt x="279225" y="286798"/>
                      <a:pt x="278054" y="286950"/>
                      <a:pt x="276892" y="286893"/>
                    </a:cubicBezTo>
                    <a:cubicBezTo>
                      <a:pt x="275530" y="286855"/>
                      <a:pt x="274187" y="286493"/>
                      <a:pt x="272986" y="285845"/>
                    </a:cubicBezTo>
                    <a:close/>
                    <a:moveTo>
                      <a:pt x="19145" y="125635"/>
                    </a:moveTo>
                    <a:cubicBezTo>
                      <a:pt x="19145" y="184309"/>
                      <a:pt x="74962" y="232124"/>
                      <a:pt x="143446" y="232124"/>
                    </a:cubicBezTo>
                    <a:cubicBezTo>
                      <a:pt x="159001" y="232124"/>
                      <a:pt x="174450" y="229553"/>
                      <a:pt x="189166" y="224504"/>
                    </a:cubicBezTo>
                    <a:cubicBezTo>
                      <a:pt x="191624" y="223733"/>
                      <a:pt x="194281" y="223933"/>
                      <a:pt x="196596" y="225076"/>
                    </a:cubicBezTo>
                    <a:lnTo>
                      <a:pt x="261080" y="258318"/>
                    </a:lnTo>
                    <a:lnTo>
                      <a:pt x="241459" y="198025"/>
                    </a:lnTo>
                    <a:cubicBezTo>
                      <a:pt x="240306" y="194739"/>
                      <a:pt x="241040" y="191090"/>
                      <a:pt x="243364" y="188500"/>
                    </a:cubicBezTo>
                    <a:cubicBezTo>
                      <a:pt x="258870" y="171097"/>
                      <a:pt x="267529" y="148657"/>
                      <a:pt x="267748" y="125349"/>
                    </a:cubicBezTo>
                    <a:cubicBezTo>
                      <a:pt x="267748" y="66675"/>
                      <a:pt x="212027" y="18859"/>
                      <a:pt x="143923" y="18859"/>
                    </a:cubicBezTo>
                    <a:cubicBezTo>
                      <a:pt x="75819" y="18859"/>
                      <a:pt x="19145" y="66961"/>
                      <a:pt x="19145" y="125635"/>
                    </a:cubicBezTo>
                    <a:close/>
                  </a:path>
                </a:pathLst>
              </a:custGeom>
              <a:solidFill>
                <a:srgbClr val="265998"/>
              </a:solidFill>
              <a:ln w="9525" cap="flat">
                <a:noFill/>
                <a:prstDash val="solid"/>
                <a:miter/>
              </a:ln>
            </p:spPr>
            <p:txBody>
              <a:bodyPr rtlCol="0" anchor="ctr"/>
              <a:lstStyle/>
              <a:p>
                <a:endParaRPr lang="en-AU" sz="153"/>
              </a:p>
            </p:txBody>
          </p:sp>
          <p:sp>
            <p:nvSpPr>
              <p:cNvPr id="13" name="Freeform: Shape 12">
                <a:extLst>
                  <a:ext uri="{FF2B5EF4-FFF2-40B4-BE49-F238E27FC236}">
                    <a16:creationId xmlns:a16="http://schemas.microsoft.com/office/drawing/2014/main" id="{84F1C488-BBEF-C8EC-ACF1-F7EB7326BEA1}"/>
                  </a:ext>
                </a:extLst>
              </p:cNvPr>
              <p:cNvSpPr/>
              <p:nvPr/>
            </p:nvSpPr>
            <p:spPr>
              <a:xfrm>
                <a:off x="1871757" y="4373530"/>
                <a:ext cx="48006" cy="48006"/>
              </a:xfrm>
              <a:custGeom>
                <a:avLst/>
                <a:gdLst>
                  <a:gd name="connsiteX0" fmla="*/ 0 w 48006"/>
                  <a:gd name="connsiteY0" fmla="*/ 24003 h 48006"/>
                  <a:gd name="connsiteX1" fmla="*/ 24003 w 48006"/>
                  <a:gd name="connsiteY1" fmla="*/ 0 h 48006"/>
                  <a:gd name="connsiteX2" fmla="*/ 48006 w 48006"/>
                  <a:gd name="connsiteY2" fmla="*/ 24003 h 48006"/>
                  <a:gd name="connsiteX3" fmla="*/ 24003 w 48006"/>
                  <a:gd name="connsiteY3" fmla="*/ 48006 h 48006"/>
                  <a:gd name="connsiteX4" fmla="*/ 0 w 48006"/>
                  <a:gd name="connsiteY4" fmla="*/ 24003 h 480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8006" h="48006">
                    <a:moveTo>
                      <a:pt x="0" y="24003"/>
                    </a:moveTo>
                    <a:cubicBezTo>
                      <a:pt x="0" y="10744"/>
                      <a:pt x="10744" y="0"/>
                      <a:pt x="24003" y="0"/>
                    </a:cubicBezTo>
                    <a:cubicBezTo>
                      <a:pt x="37262" y="0"/>
                      <a:pt x="48006" y="10744"/>
                      <a:pt x="48006" y="24003"/>
                    </a:cubicBezTo>
                    <a:cubicBezTo>
                      <a:pt x="48006" y="37262"/>
                      <a:pt x="37262" y="48006"/>
                      <a:pt x="24003" y="48006"/>
                    </a:cubicBezTo>
                    <a:cubicBezTo>
                      <a:pt x="10744" y="48006"/>
                      <a:pt x="0" y="37262"/>
                      <a:pt x="0" y="24003"/>
                    </a:cubicBezTo>
                    <a:close/>
                  </a:path>
                </a:pathLst>
              </a:custGeom>
              <a:solidFill>
                <a:srgbClr val="66B9DA"/>
              </a:solidFill>
              <a:ln w="9525" cap="flat">
                <a:noFill/>
                <a:prstDash val="solid"/>
                <a:miter/>
              </a:ln>
            </p:spPr>
            <p:txBody>
              <a:bodyPr rtlCol="0" anchor="ctr"/>
              <a:lstStyle/>
              <a:p>
                <a:endParaRPr lang="en-AU" sz="153"/>
              </a:p>
            </p:txBody>
          </p:sp>
          <p:sp>
            <p:nvSpPr>
              <p:cNvPr id="14" name="Freeform: Shape 13">
                <a:extLst>
                  <a:ext uri="{FF2B5EF4-FFF2-40B4-BE49-F238E27FC236}">
                    <a16:creationId xmlns:a16="http://schemas.microsoft.com/office/drawing/2014/main" id="{D4E63201-B8A1-97CB-8F46-E1249C0316F7}"/>
                  </a:ext>
                </a:extLst>
              </p:cNvPr>
              <p:cNvSpPr/>
              <p:nvPr/>
            </p:nvSpPr>
            <p:spPr>
              <a:xfrm>
                <a:off x="1807368" y="4373530"/>
                <a:ext cx="48006" cy="48006"/>
              </a:xfrm>
              <a:custGeom>
                <a:avLst/>
                <a:gdLst>
                  <a:gd name="connsiteX0" fmla="*/ 0 w 48006"/>
                  <a:gd name="connsiteY0" fmla="*/ 24003 h 48006"/>
                  <a:gd name="connsiteX1" fmla="*/ 24003 w 48006"/>
                  <a:gd name="connsiteY1" fmla="*/ 0 h 48006"/>
                  <a:gd name="connsiteX2" fmla="*/ 48006 w 48006"/>
                  <a:gd name="connsiteY2" fmla="*/ 24003 h 48006"/>
                  <a:gd name="connsiteX3" fmla="*/ 24003 w 48006"/>
                  <a:gd name="connsiteY3" fmla="*/ 48006 h 48006"/>
                  <a:gd name="connsiteX4" fmla="*/ 0 w 48006"/>
                  <a:gd name="connsiteY4" fmla="*/ 24003 h 480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8006" h="48006">
                    <a:moveTo>
                      <a:pt x="0" y="24003"/>
                    </a:moveTo>
                    <a:cubicBezTo>
                      <a:pt x="0" y="10744"/>
                      <a:pt x="10744" y="0"/>
                      <a:pt x="24003" y="0"/>
                    </a:cubicBezTo>
                    <a:cubicBezTo>
                      <a:pt x="37262" y="0"/>
                      <a:pt x="48006" y="10744"/>
                      <a:pt x="48006" y="24003"/>
                    </a:cubicBezTo>
                    <a:cubicBezTo>
                      <a:pt x="48006" y="37262"/>
                      <a:pt x="37262" y="48006"/>
                      <a:pt x="24003" y="48006"/>
                    </a:cubicBezTo>
                    <a:cubicBezTo>
                      <a:pt x="10744" y="48006"/>
                      <a:pt x="0" y="37262"/>
                      <a:pt x="0" y="24003"/>
                    </a:cubicBezTo>
                    <a:close/>
                  </a:path>
                </a:pathLst>
              </a:custGeom>
              <a:solidFill>
                <a:srgbClr val="66B9DA"/>
              </a:solidFill>
              <a:ln w="9525" cap="flat">
                <a:noFill/>
                <a:prstDash val="solid"/>
                <a:miter/>
              </a:ln>
            </p:spPr>
            <p:txBody>
              <a:bodyPr rtlCol="0" anchor="ctr"/>
              <a:lstStyle/>
              <a:p>
                <a:endParaRPr lang="en-AU" sz="153"/>
              </a:p>
            </p:txBody>
          </p:sp>
          <p:sp>
            <p:nvSpPr>
              <p:cNvPr id="15" name="Freeform: Shape 14">
                <a:extLst>
                  <a:ext uri="{FF2B5EF4-FFF2-40B4-BE49-F238E27FC236}">
                    <a16:creationId xmlns:a16="http://schemas.microsoft.com/office/drawing/2014/main" id="{E26B9BCF-4E99-6EBA-0AEE-24ED40BEEE9A}"/>
                  </a:ext>
                </a:extLst>
              </p:cNvPr>
              <p:cNvSpPr/>
              <p:nvPr/>
            </p:nvSpPr>
            <p:spPr>
              <a:xfrm>
                <a:off x="1743075" y="4373530"/>
                <a:ext cx="48006" cy="48006"/>
              </a:xfrm>
              <a:custGeom>
                <a:avLst/>
                <a:gdLst>
                  <a:gd name="connsiteX0" fmla="*/ 0 w 48006"/>
                  <a:gd name="connsiteY0" fmla="*/ 24003 h 48006"/>
                  <a:gd name="connsiteX1" fmla="*/ 24003 w 48006"/>
                  <a:gd name="connsiteY1" fmla="*/ 0 h 48006"/>
                  <a:gd name="connsiteX2" fmla="*/ 48006 w 48006"/>
                  <a:gd name="connsiteY2" fmla="*/ 24003 h 48006"/>
                  <a:gd name="connsiteX3" fmla="*/ 24003 w 48006"/>
                  <a:gd name="connsiteY3" fmla="*/ 48006 h 48006"/>
                  <a:gd name="connsiteX4" fmla="*/ 0 w 48006"/>
                  <a:gd name="connsiteY4" fmla="*/ 24003 h 480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8006" h="48006">
                    <a:moveTo>
                      <a:pt x="0" y="24003"/>
                    </a:moveTo>
                    <a:cubicBezTo>
                      <a:pt x="0" y="10744"/>
                      <a:pt x="10744" y="0"/>
                      <a:pt x="24003" y="0"/>
                    </a:cubicBezTo>
                    <a:cubicBezTo>
                      <a:pt x="37262" y="0"/>
                      <a:pt x="48006" y="10744"/>
                      <a:pt x="48006" y="24003"/>
                    </a:cubicBezTo>
                    <a:cubicBezTo>
                      <a:pt x="48006" y="37262"/>
                      <a:pt x="37262" y="48006"/>
                      <a:pt x="24003" y="48006"/>
                    </a:cubicBezTo>
                    <a:cubicBezTo>
                      <a:pt x="10744" y="48006"/>
                      <a:pt x="0" y="37262"/>
                      <a:pt x="0" y="24003"/>
                    </a:cubicBezTo>
                    <a:close/>
                  </a:path>
                </a:pathLst>
              </a:custGeom>
              <a:solidFill>
                <a:srgbClr val="66B9DA"/>
              </a:solidFill>
              <a:ln w="9525" cap="flat">
                <a:noFill/>
                <a:prstDash val="solid"/>
                <a:miter/>
              </a:ln>
            </p:spPr>
            <p:txBody>
              <a:bodyPr rtlCol="0" anchor="ctr"/>
              <a:lstStyle/>
              <a:p>
                <a:endParaRPr lang="en-AU" sz="153"/>
              </a:p>
            </p:txBody>
          </p:sp>
          <p:sp>
            <p:nvSpPr>
              <p:cNvPr id="16" name="Freeform: Shape 15">
                <a:extLst>
                  <a:ext uri="{FF2B5EF4-FFF2-40B4-BE49-F238E27FC236}">
                    <a16:creationId xmlns:a16="http://schemas.microsoft.com/office/drawing/2014/main" id="{A0EFC006-EA9B-056D-48D8-E0088241EFBB}"/>
                  </a:ext>
                </a:extLst>
              </p:cNvPr>
              <p:cNvSpPr/>
              <p:nvPr/>
            </p:nvSpPr>
            <p:spPr>
              <a:xfrm>
                <a:off x="1740598" y="4371149"/>
                <a:ext cx="52768" cy="52768"/>
              </a:xfrm>
              <a:custGeom>
                <a:avLst/>
                <a:gdLst>
                  <a:gd name="connsiteX0" fmla="*/ 0 w 52768"/>
                  <a:gd name="connsiteY0" fmla="*/ 26384 h 52768"/>
                  <a:gd name="connsiteX1" fmla="*/ 26384 w 52768"/>
                  <a:gd name="connsiteY1" fmla="*/ 0 h 52768"/>
                  <a:gd name="connsiteX2" fmla="*/ 52769 w 52768"/>
                  <a:gd name="connsiteY2" fmla="*/ 26384 h 52768"/>
                  <a:gd name="connsiteX3" fmla="*/ 26384 w 52768"/>
                  <a:gd name="connsiteY3" fmla="*/ 52769 h 52768"/>
                  <a:gd name="connsiteX4" fmla="*/ 0 w 52768"/>
                  <a:gd name="connsiteY4" fmla="*/ 26384 h 52768"/>
                  <a:gd name="connsiteX5" fmla="*/ 14859 w 52768"/>
                  <a:gd name="connsiteY5" fmla="*/ 26384 h 52768"/>
                  <a:gd name="connsiteX6" fmla="*/ 26289 w 52768"/>
                  <a:gd name="connsiteY6" fmla="*/ 38005 h 52768"/>
                  <a:gd name="connsiteX7" fmla="*/ 37910 w 52768"/>
                  <a:gd name="connsiteY7" fmla="*/ 26575 h 52768"/>
                  <a:gd name="connsiteX8" fmla="*/ 26479 w 52768"/>
                  <a:gd name="connsiteY8" fmla="*/ 14954 h 52768"/>
                  <a:gd name="connsiteX9" fmla="*/ 26384 w 52768"/>
                  <a:gd name="connsiteY9" fmla="*/ 14954 h 52768"/>
                  <a:gd name="connsiteX10" fmla="*/ 14859 w 52768"/>
                  <a:gd name="connsiteY10" fmla="*/ 26384 h 527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2768" h="52768">
                    <a:moveTo>
                      <a:pt x="0" y="26384"/>
                    </a:moveTo>
                    <a:cubicBezTo>
                      <a:pt x="0" y="11811"/>
                      <a:pt x="11811" y="0"/>
                      <a:pt x="26384" y="0"/>
                    </a:cubicBezTo>
                    <a:cubicBezTo>
                      <a:pt x="40958" y="0"/>
                      <a:pt x="52769" y="11811"/>
                      <a:pt x="52769" y="26384"/>
                    </a:cubicBezTo>
                    <a:cubicBezTo>
                      <a:pt x="52769" y="40958"/>
                      <a:pt x="40958" y="52769"/>
                      <a:pt x="26384" y="52769"/>
                    </a:cubicBezTo>
                    <a:cubicBezTo>
                      <a:pt x="11811" y="52769"/>
                      <a:pt x="0" y="40958"/>
                      <a:pt x="0" y="26384"/>
                    </a:cubicBezTo>
                    <a:close/>
                    <a:moveTo>
                      <a:pt x="14859" y="26384"/>
                    </a:moveTo>
                    <a:cubicBezTo>
                      <a:pt x="14802" y="32747"/>
                      <a:pt x="19926" y="37948"/>
                      <a:pt x="26289" y="38005"/>
                    </a:cubicBezTo>
                    <a:cubicBezTo>
                      <a:pt x="32652" y="38062"/>
                      <a:pt x="37852" y="32938"/>
                      <a:pt x="37910" y="26575"/>
                    </a:cubicBezTo>
                    <a:cubicBezTo>
                      <a:pt x="37957" y="20212"/>
                      <a:pt x="32842" y="15012"/>
                      <a:pt x="26479" y="14954"/>
                    </a:cubicBezTo>
                    <a:cubicBezTo>
                      <a:pt x="26451" y="14954"/>
                      <a:pt x="26413" y="14954"/>
                      <a:pt x="26384" y="14954"/>
                    </a:cubicBezTo>
                    <a:cubicBezTo>
                      <a:pt x="20060" y="14954"/>
                      <a:pt x="14907" y="20060"/>
                      <a:pt x="14859" y="26384"/>
                    </a:cubicBezTo>
                    <a:close/>
                  </a:path>
                </a:pathLst>
              </a:custGeom>
              <a:solidFill>
                <a:srgbClr val="265998"/>
              </a:solidFill>
              <a:ln w="9525" cap="flat">
                <a:noFill/>
                <a:prstDash val="solid"/>
                <a:miter/>
              </a:ln>
            </p:spPr>
            <p:txBody>
              <a:bodyPr rtlCol="0" anchor="ctr"/>
              <a:lstStyle/>
              <a:p>
                <a:endParaRPr lang="en-AU" sz="153"/>
              </a:p>
            </p:txBody>
          </p:sp>
          <p:sp>
            <p:nvSpPr>
              <p:cNvPr id="17" name="Freeform: Shape 16">
                <a:extLst>
                  <a:ext uri="{FF2B5EF4-FFF2-40B4-BE49-F238E27FC236}">
                    <a16:creationId xmlns:a16="http://schemas.microsoft.com/office/drawing/2014/main" id="{04A9CB54-4D38-98D5-F940-7FFD4C9D96BE}"/>
                  </a:ext>
                </a:extLst>
              </p:cNvPr>
              <p:cNvSpPr/>
              <p:nvPr/>
            </p:nvSpPr>
            <p:spPr>
              <a:xfrm>
                <a:off x="1804987" y="4371149"/>
                <a:ext cx="52768" cy="52768"/>
              </a:xfrm>
              <a:custGeom>
                <a:avLst/>
                <a:gdLst>
                  <a:gd name="connsiteX0" fmla="*/ 0 w 52768"/>
                  <a:gd name="connsiteY0" fmla="*/ 26384 h 52768"/>
                  <a:gd name="connsiteX1" fmla="*/ 26384 w 52768"/>
                  <a:gd name="connsiteY1" fmla="*/ 0 h 52768"/>
                  <a:gd name="connsiteX2" fmla="*/ 52769 w 52768"/>
                  <a:gd name="connsiteY2" fmla="*/ 26384 h 52768"/>
                  <a:gd name="connsiteX3" fmla="*/ 26384 w 52768"/>
                  <a:gd name="connsiteY3" fmla="*/ 52769 h 52768"/>
                  <a:gd name="connsiteX4" fmla="*/ 0 w 52768"/>
                  <a:gd name="connsiteY4" fmla="*/ 26384 h 52768"/>
                  <a:gd name="connsiteX5" fmla="*/ 14954 w 52768"/>
                  <a:gd name="connsiteY5" fmla="*/ 26384 h 52768"/>
                  <a:gd name="connsiteX6" fmla="*/ 26384 w 52768"/>
                  <a:gd name="connsiteY6" fmla="*/ 37814 h 52768"/>
                  <a:gd name="connsiteX7" fmla="*/ 37814 w 52768"/>
                  <a:gd name="connsiteY7" fmla="*/ 26384 h 52768"/>
                  <a:gd name="connsiteX8" fmla="*/ 26384 w 52768"/>
                  <a:gd name="connsiteY8" fmla="*/ 14954 h 52768"/>
                  <a:gd name="connsiteX9" fmla="*/ 14954 w 52768"/>
                  <a:gd name="connsiteY9" fmla="*/ 26384 h 527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2768" h="52768">
                    <a:moveTo>
                      <a:pt x="0" y="26384"/>
                    </a:moveTo>
                    <a:cubicBezTo>
                      <a:pt x="0" y="11811"/>
                      <a:pt x="11811" y="0"/>
                      <a:pt x="26384" y="0"/>
                    </a:cubicBezTo>
                    <a:cubicBezTo>
                      <a:pt x="40958" y="0"/>
                      <a:pt x="52769" y="11811"/>
                      <a:pt x="52769" y="26384"/>
                    </a:cubicBezTo>
                    <a:cubicBezTo>
                      <a:pt x="52769" y="40958"/>
                      <a:pt x="40958" y="52769"/>
                      <a:pt x="26384" y="52769"/>
                    </a:cubicBezTo>
                    <a:cubicBezTo>
                      <a:pt x="11811" y="52769"/>
                      <a:pt x="0" y="40958"/>
                      <a:pt x="0" y="26384"/>
                    </a:cubicBezTo>
                    <a:close/>
                    <a:moveTo>
                      <a:pt x="14954" y="26384"/>
                    </a:moveTo>
                    <a:cubicBezTo>
                      <a:pt x="14954" y="32699"/>
                      <a:pt x="20069" y="37814"/>
                      <a:pt x="26384" y="37814"/>
                    </a:cubicBezTo>
                    <a:cubicBezTo>
                      <a:pt x="32699" y="37814"/>
                      <a:pt x="37814" y="32699"/>
                      <a:pt x="37814" y="26384"/>
                    </a:cubicBezTo>
                    <a:cubicBezTo>
                      <a:pt x="37814" y="20069"/>
                      <a:pt x="32699" y="14954"/>
                      <a:pt x="26384" y="14954"/>
                    </a:cubicBezTo>
                    <a:cubicBezTo>
                      <a:pt x="20098" y="15002"/>
                      <a:pt x="15002" y="20098"/>
                      <a:pt x="14954" y="26384"/>
                    </a:cubicBezTo>
                    <a:close/>
                  </a:path>
                </a:pathLst>
              </a:custGeom>
              <a:solidFill>
                <a:srgbClr val="265998"/>
              </a:solidFill>
              <a:ln w="9525" cap="flat">
                <a:noFill/>
                <a:prstDash val="solid"/>
                <a:miter/>
              </a:ln>
            </p:spPr>
            <p:txBody>
              <a:bodyPr rtlCol="0" anchor="ctr"/>
              <a:lstStyle/>
              <a:p>
                <a:endParaRPr lang="en-AU" sz="153"/>
              </a:p>
            </p:txBody>
          </p:sp>
          <p:sp>
            <p:nvSpPr>
              <p:cNvPr id="18" name="Freeform: Shape 17">
                <a:extLst>
                  <a:ext uri="{FF2B5EF4-FFF2-40B4-BE49-F238E27FC236}">
                    <a16:creationId xmlns:a16="http://schemas.microsoft.com/office/drawing/2014/main" id="{885EB49D-8CFD-2E1B-F5B6-BDF2A29F7583}"/>
                  </a:ext>
                </a:extLst>
              </p:cNvPr>
              <p:cNvSpPr/>
              <p:nvPr/>
            </p:nvSpPr>
            <p:spPr>
              <a:xfrm>
                <a:off x="1869376" y="4371149"/>
                <a:ext cx="52768" cy="52768"/>
              </a:xfrm>
              <a:custGeom>
                <a:avLst/>
                <a:gdLst>
                  <a:gd name="connsiteX0" fmla="*/ 0 w 52768"/>
                  <a:gd name="connsiteY0" fmla="*/ 26384 h 52768"/>
                  <a:gd name="connsiteX1" fmla="*/ 26384 w 52768"/>
                  <a:gd name="connsiteY1" fmla="*/ 0 h 52768"/>
                  <a:gd name="connsiteX2" fmla="*/ 52769 w 52768"/>
                  <a:gd name="connsiteY2" fmla="*/ 26384 h 52768"/>
                  <a:gd name="connsiteX3" fmla="*/ 26384 w 52768"/>
                  <a:gd name="connsiteY3" fmla="*/ 52769 h 52768"/>
                  <a:gd name="connsiteX4" fmla="*/ 0 w 52768"/>
                  <a:gd name="connsiteY4" fmla="*/ 26384 h 52768"/>
                  <a:gd name="connsiteX5" fmla="*/ 14954 w 52768"/>
                  <a:gd name="connsiteY5" fmla="*/ 26384 h 52768"/>
                  <a:gd name="connsiteX6" fmla="*/ 26384 w 52768"/>
                  <a:gd name="connsiteY6" fmla="*/ 38005 h 52768"/>
                  <a:gd name="connsiteX7" fmla="*/ 38005 w 52768"/>
                  <a:gd name="connsiteY7" fmla="*/ 26575 h 52768"/>
                  <a:gd name="connsiteX8" fmla="*/ 26575 w 52768"/>
                  <a:gd name="connsiteY8" fmla="*/ 14954 h 52768"/>
                  <a:gd name="connsiteX9" fmla="*/ 26384 w 52768"/>
                  <a:gd name="connsiteY9" fmla="*/ 14954 h 52768"/>
                  <a:gd name="connsiteX10" fmla="*/ 14954 w 52768"/>
                  <a:gd name="connsiteY10" fmla="*/ 26384 h 527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2768" h="52768">
                    <a:moveTo>
                      <a:pt x="0" y="26384"/>
                    </a:moveTo>
                    <a:cubicBezTo>
                      <a:pt x="0" y="11811"/>
                      <a:pt x="11811" y="0"/>
                      <a:pt x="26384" y="0"/>
                    </a:cubicBezTo>
                    <a:cubicBezTo>
                      <a:pt x="40957" y="0"/>
                      <a:pt x="52769" y="11811"/>
                      <a:pt x="52769" y="26384"/>
                    </a:cubicBezTo>
                    <a:cubicBezTo>
                      <a:pt x="52769" y="40958"/>
                      <a:pt x="40957" y="52769"/>
                      <a:pt x="26384" y="52769"/>
                    </a:cubicBezTo>
                    <a:cubicBezTo>
                      <a:pt x="11811" y="52769"/>
                      <a:pt x="0" y="40958"/>
                      <a:pt x="0" y="26384"/>
                    </a:cubicBezTo>
                    <a:close/>
                    <a:moveTo>
                      <a:pt x="14954" y="26384"/>
                    </a:moveTo>
                    <a:cubicBezTo>
                      <a:pt x="14907" y="32747"/>
                      <a:pt x="20022" y="37948"/>
                      <a:pt x="26384" y="38005"/>
                    </a:cubicBezTo>
                    <a:cubicBezTo>
                      <a:pt x="32747" y="38053"/>
                      <a:pt x="37948" y="32938"/>
                      <a:pt x="38005" y="26575"/>
                    </a:cubicBezTo>
                    <a:cubicBezTo>
                      <a:pt x="38052" y="20212"/>
                      <a:pt x="32937" y="15002"/>
                      <a:pt x="26575" y="14954"/>
                    </a:cubicBezTo>
                    <a:cubicBezTo>
                      <a:pt x="26508" y="14954"/>
                      <a:pt x="26451" y="14954"/>
                      <a:pt x="26384" y="14954"/>
                    </a:cubicBezTo>
                    <a:cubicBezTo>
                      <a:pt x="20098" y="15002"/>
                      <a:pt x="15002" y="20098"/>
                      <a:pt x="14954" y="26384"/>
                    </a:cubicBezTo>
                    <a:close/>
                  </a:path>
                </a:pathLst>
              </a:custGeom>
              <a:solidFill>
                <a:srgbClr val="265998"/>
              </a:solidFill>
              <a:ln w="9525" cap="flat">
                <a:noFill/>
                <a:prstDash val="solid"/>
                <a:miter/>
              </a:ln>
            </p:spPr>
            <p:txBody>
              <a:bodyPr rtlCol="0" anchor="ctr"/>
              <a:lstStyle/>
              <a:p>
                <a:endParaRPr lang="en-AU" sz="153"/>
              </a:p>
            </p:txBody>
          </p:sp>
        </p:grpSp>
      </p:grpSp>
    </p:spTree>
    <p:extLst>
      <p:ext uri="{BB962C8B-B14F-4D97-AF65-F5344CB8AC3E}">
        <p14:creationId xmlns:p14="http://schemas.microsoft.com/office/powerpoint/2010/main" val="19400676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89576" y="194370"/>
            <a:ext cx="1978427" cy="461665"/>
          </a:xfrm>
        </p:spPr>
        <p:txBody>
          <a:bodyPr/>
          <a:lstStyle/>
          <a:p>
            <a:r>
              <a:rPr lang="en-US" dirty="0"/>
              <a:t>Questions </a:t>
            </a:r>
            <a:endParaRPr lang="en-AU" dirty="0"/>
          </a:p>
        </p:txBody>
      </p:sp>
      <p:sp>
        <p:nvSpPr>
          <p:cNvPr id="36" name="Text Placeholder 35"/>
          <p:cNvSpPr>
            <a:spLocks noGrp="1"/>
          </p:cNvSpPr>
          <p:nvPr>
            <p:ph type="body" sz="quarter" idx="14"/>
          </p:nvPr>
        </p:nvSpPr>
        <p:spPr/>
        <p:txBody>
          <a:bodyPr>
            <a:normAutofit/>
          </a:bodyPr>
          <a:lstStyle/>
          <a:p>
            <a:r>
              <a:rPr lang="en-US"/>
              <a:t>Questions</a:t>
            </a:r>
            <a:endParaRPr lang="en-AU"/>
          </a:p>
        </p:txBody>
      </p:sp>
      <p:sp>
        <p:nvSpPr>
          <p:cNvPr id="5" name="Slide Number Placeholder 4"/>
          <p:cNvSpPr>
            <a:spLocks noGrp="1"/>
          </p:cNvSpPr>
          <p:nvPr>
            <p:ph type="sldNum" sz="quarter" idx="4"/>
          </p:nvPr>
        </p:nvSpPr>
        <p:spPr/>
        <p:txBody>
          <a:bodyPr/>
          <a:lstStyle/>
          <a:p>
            <a:fld id="{8A657B52-D046-4802-A3DE-55E7ED70298C}" type="slidenum">
              <a:rPr lang="en-AU" smtClean="0"/>
              <a:pPr/>
              <a:t>12</a:t>
            </a:fld>
            <a:endParaRPr lang="en-AU"/>
          </a:p>
        </p:txBody>
      </p:sp>
      <p:sp>
        <p:nvSpPr>
          <p:cNvPr id="7" name="TextBox 6">
            <a:extLst>
              <a:ext uri="{FF2B5EF4-FFF2-40B4-BE49-F238E27FC236}">
                <a16:creationId xmlns:a16="http://schemas.microsoft.com/office/drawing/2014/main" id="{C912338D-40D6-97F1-6F59-930C5A846D36}"/>
              </a:ext>
              <a:ext uri="{C183D7F6-B498-43B3-948B-1728B52AA6E4}">
                <adec:decorative xmlns:adec="http://schemas.microsoft.com/office/drawing/2017/decorative" val="1"/>
              </a:ext>
            </a:extLst>
          </p:cNvPr>
          <p:cNvSpPr txBox="1"/>
          <p:nvPr/>
        </p:nvSpPr>
        <p:spPr>
          <a:xfrm>
            <a:off x="347957" y="865848"/>
            <a:ext cx="4847129" cy="3552403"/>
          </a:xfrm>
          <a:prstGeom prst="rect">
            <a:avLst/>
          </a:prstGeom>
          <a:noFill/>
        </p:spPr>
        <p:txBody>
          <a:bodyPr wrap="square" rtlCol="0">
            <a:noAutofit/>
          </a:bodyPr>
          <a:lstStyle/>
          <a:p>
            <a:pPr marL="285750" indent="-285750" algn="l">
              <a:spcAft>
                <a:spcPts val="450"/>
              </a:spcAft>
              <a:buFont typeface="Arial" panose="020B0604020202020204" pitchFamily="34" charset="0"/>
              <a:buChar char="•"/>
            </a:pPr>
            <a:endParaRPr lang="en-AU" sz="1800" b="1">
              <a:solidFill>
                <a:schemeClr val="tx1">
                  <a:lumMod val="75000"/>
                  <a:lumOff val="25000"/>
                </a:schemeClr>
              </a:solidFill>
              <a:latin typeface="Arial" panose="020B0604020202020204" pitchFamily="34" charset="0"/>
              <a:cs typeface="Arial" panose="020B0604020202020204" pitchFamily="34" charset="0"/>
            </a:endParaRPr>
          </a:p>
        </p:txBody>
      </p:sp>
      <p:pic>
        <p:nvPicPr>
          <p:cNvPr id="3" name="Picture 2" descr="This image is a black and white photo of the back of a man who is raising his left hand. There are people around him. ">
            <a:extLst>
              <a:ext uri="{FF2B5EF4-FFF2-40B4-BE49-F238E27FC236}">
                <a16:creationId xmlns:a16="http://schemas.microsoft.com/office/drawing/2014/main" id="{5C562D7F-2BBD-B378-0AE3-7CA8F34EAA71}"/>
              </a:ext>
            </a:extLst>
          </p:cNvPr>
          <p:cNvPicPr>
            <a:picLocks noChangeAspect="1"/>
          </p:cNvPicPr>
          <p:nvPr>
            <p:custDataLst>
              <p:tags r:id="rId1"/>
            </p:custDataLst>
          </p:nvPr>
        </p:nvPicPr>
        <p:blipFill rotWithShape="1">
          <a:blip r:embed="rId4" cstate="print">
            <a:extLst>
              <a:ext uri="{28A0092B-C50C-407E-A947-70E740481C1C}">
                <a14:useLocalDpi xmlns:a14="http://schemas.microsoft.com/office/drawing/2010/main" val="0"/>
              </a:ext>
            </a:extLst>
          </a:blip>
          <a:srcRect/>
          <a:stretch/>
        </p:blipFill>
        <p:spPr>
          <a:xfrm>
            <a:off x="0" y="713929"/>
            <a:ext cx="5818173" cy="3877812"/>
          </a:xfrm>
          <a:prstGeom prst="rect">
            <a:avLst/>
          </a:prstGeom>
        </p:spPr>
      </p:pic>
      <p:sp>
        <p:nvSpPr>
          <p:cNvPr id="4" name="TextBox 3">
            <a:extLst>
              <a:ext uri="{FF2B5EF4-FFF2-40B4-BE49-F238E27FC236}">
                <a16:creationId xmlns:a16="http://schemas.microsoft.com/office/drawing/2014/main" id="{B6DF75EB-5955-F332-6D0F-88B87C0D7341}"/>
              </a:ext>
            </a:extLst>
          </p:cNvPr>
          <p:cNvSpPr txBox="1"/>
          <p:nvPr/>
        </p:nvSpPr>
        <p:spPr>
          <a:xfrm>
            <a:off x="6004290" y="930584"/>
            <a:ext cx="2980726" cy="3487667"/>
          </a:xfrm>
          <a:prstGeom prst="rect">
            <a:avLst/>
          </a:prstGeom>
          <a:noFill/>
        </p:spPr>
        <p:txBody>
          <a:bodyPr wrap="square" rtlCol="0">
            <a:noAutofit/>
          </a:bodyPr>
          <a:lstStyle/>
          <a:p>
            <a:pPr algn="ctr">
              <a:spcAft>
                <a:spcPts val="450"/>
              </a:spcAft>
            </a:pPr>
            <a:endParaRPr lang="en-AU" sz="1800" b="1" i="1" dirty="0">
              <a:solidFill>
                <a:schemeClr val="tx1">
                  <a:lumMod val="75000"/>
                  <a:lumOff val="25000"/>
                </a:schemeClr>
              </a:solidFill>
              <a:latin typeface="Arial" panose="020B0604020202020204" pitchFamily="34" charset="0"/>
              <a:cs typeface="Arial" panose="020B0604020202020204" pitchFamily="34" charset="0"/>
            </a:endParaRPr>
          </a:p>
          <a:p>
            <a:pPr algn="ctr">
              <a:spcAft>
                <a:spcPts val="450"/>
              </a:spcAft>
            </a:pPr>
            <a:endParaRPr lang="en-AU" b="1" i="1" dirty="0">
              <a:solidFill>
                <a:schemeClr val="tx1">
                  <a:lumMod val="75000"/>
                  <a:lumOff val="25000"/>
                </a:schemeClr>
              </a:solidFill>
              <a:latin typeface="Arial" panose="020B0604020202020204" pitchFamily="34" charset="0"/>
              <a:cs typeface="Arial" panose="020B0604020202020204" pitchFamily="34" charset="0"/>
            </a:endParaRPr>
          </a:p>
          <a:p>
            <a:pPr algn="ctr">
              <a:spcAft>
                <a:spcPts val="450"/>
              </a:spcAft>
            </a:pPr>
            <a:endParaRPr lang="en-AU" sz="1800" b="1" i="1" dirty="0">
              <a:solidFill>
                <a:schemeClr val="tx1">
                  <a:lumMod val="75000"/>
                  <a:lumOff val="25000"/>
                </a:schemeClr>
              </a:solidFill>
              <a:latin typeface="Arial" panose="020B0604020202020204" pitchFamily="34" charset="0"/>
              <a:cs typeface="Arial" panose="020B0604020202020204" pitchFamily="34" charset="0"/>
            </a:endParaRPr>
          </a:p>
          <a:p>
            <a:pPr algn="ctr">
              <a:spcAft>
                <a:spcPts val="450"/>
              </a:spcAft>
            </a:pPr>
            <a:endParaRPr lang="en-AU" b="1" i="1" dirty="0">
              <a:solidFill>
                <a:schemeClr val="tx1">
                  <a:lumMod val="75000"/>
                  <a:lumOff val="25000"/>
                </a:schemeClr>
              </a:solidFill>
              <a:latin typeface="Arial" panose="020B0604020202020204" pitchFamily="34" charset="0"/>
              <a:cs typeface="Arial" panose="020B0604020202020204" pitchFamily="34" charset="0"/>
            </a:endParaRPr>
          </a:p>
          <a:p>
            <a:pPr algn="ctr">
              <a:spcAft>
                <a:spcPts val="450"/>
              </a:spcAft>
            </a:pPr>
            <a:r>
              <a:rPr lang="en-AU" sz="1800" b="1" i="1" dirty="0">
                <a:solidFill>
                  <a:schemeClr val="tx1">
                    <a:lumMod val="75000"/>
                    <a:lumOff val="25000"/>
                  </a:schemeClr>
                </a:solidFill>
                <a:latin typeface="Arial" panose="020B0604020202020204" pitchFamily="34" charset="0"/>
                <a:cs typeface="Arial" panose="020B0604020202020204" pitchFamily="34" charset="0"/>
              </a:rPr>
              <a:t>Please use the comment box to alert the moderator that you have a question</a:t>
            </a:r>
          </a:p>
        </p:txBody>
      </p:sp>
      <p:sp>
        <p:nvSpPr>
          <p:cNvPr id="6" name="TextBox 5">
            <a:extLst>
              <a:ext uri="{FF2B5EF4-FFF2-40B4-BE49-F238E27FC236}">
                <a16:creationId xmlns:a16="http://schemas.microsoft.com/office/drawing/2014/main" id="{7CA1B33F-86B4-0627-EECC-11FAB9AE8702}"/>
              </a:ext>
            </a:extLst>
          </p:cNvPr>
          <p:cNvSpPr txBox="1"/>
          <p:nvPr/>
        </p:nvSpPr>
        <p:spPr>
          <a:xfrm>
            <a:off x="5818173" y="4147624"/>
            <a:ext cx="3792183" cy="415498"/>
          </a:xfrm>
          <a:prstGeom prst="rect">
            <a:avLst/>
          </a:prstGeom>
          <a:noFill/>
        </p:spPr>
        <p:txBody>
          <a:bodyPr wrap="square">
            <a:spAutoFit/>
          </a:bodyPr>
          <a:lstStyle/>
          <a:p>
            <a:r>
              <a:rPr lang="en-AU" sz="1050">
                <a:solidFill>
                  <a:srgbClr val="3D3D3D"/>
                </a:solidFill>
                <a:latin typeface="Arial" panose="020B0604020202020204" pitchFamily="34" charset="0"/>
                <a:cs typeface="Times New Roman" panose="02020603050405020304" pitchFamily="18" charset="0"/>
              </a:rPr>
              <a:t>Further questions can be directed to </a:t>
            </a:r>
          </a:p>
          <a:p>
            <a:r>
              <a:rPr lang="en-AU" sz="1050">
                <a:solidFill>
                  <a:srgbClr val="3D3D3D"/>
                </a:solidFill>
                <a:effectLst/>
                <a:latin typeface="Arial" panose="020B0604020202020204" pitchFamily="34" charset="0"/>
                <a:ea typeface="Calibri" panose="020F0502020204030204" pitchFamily="34" charset="0"/>
                <a:cs typeface="Times New Roman" panose="02020603050405020304" pitchFamily="18" charset="0"/>
              </a:rPr>
              <a:t>philanthropy@pc.gov.au</a:t>
            </a:r>
            <a:endParaRPr lang="en-AU" sz="1050"/>
          </a:p>
        </p:txBody>
      </p:sp>
    </p:spTree>
    <p:extLst>
      <p:ext uri="{BB962C8B-B14F-4D97-AF65-F5344CB8AC3E}">
        <p14:creationId xmlns:p14="http://schemas.microsoft.com/office/powerpoint/2010/main" val="224904501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A3ED621-7ACF-4FA9-BFB6-E38914850A4E}"/>
              </a:ext>
            </a:extLst>
          </p:cNvPr>
          <p:cNvSpPr/>
          <p:nvPr/>
        </p:nvSpPr>
        <p:spPr>
          <a:xfrm>
            <a:off x="5058497" y="1241911"/>
            <a:ext cx="2472578" cy="464331"/>
          </a:xfrm>
          <a:prstGeom prst="rect">
            <a:avLst/>
          </a:prstGeom>
          <a:noFill/>
        </p:spPr>
        <p:txBody>
          <a:bodyPr wrap="none" lIns="180000" tIns="108000" bIns="108000" anchor="ctr" anchorCtr="0">
            <a:spAutoFit/>
          </a:bodyPr>
          <a:lstStyle/>
          <a:p>
            <a:pPr algn="l">
              <a:spcBef>
                <a:spcPts val="1200"/>
              </a:spcBef>
            </a:pPr>
            <a:r>
              <a:rPr lang="en-AU" sz="1600" b="0" dirty="0">
                <a:solidFill>
                  <a:schemeClr val="tx1">
                    <a:lumMod val="75000"/>
                    <a:lumOff val="25000"/>
                  </a:schemeClr>
                </a:solidFill>
                <a:latin typeface="Arial" panose="020B0604020202020204" pitchFamily="34" charset="0"/>
                <a:cs typeface="Arial" panose="020B0604020202020204" pitchFamily="34" charset="0"/>
              </a:rPr>
              <a:t>philanthropy@pc.</a:t>
            </a:r>
            <a:r>
              <a:rPr lang="en-AU" sz="1600" dirty="0">
                <a:solidFill>
                  <a:schemeClr val="tx1">
                    <a:lumMod val="75000"/>
                    <a:lumOff val="25000"/>
                  </a:schemeClr>
                </a:solidFill>
                <a:latin typeface="Arial" panose="020B0604020202020204" pitchFamily="34" charset="0"/>
                <a:cs typeface="Arial" panose="020B0604020202020204" pitchFamily="34" charset="0"/>
              </a:rPr>
              <a:t>gov.au</a:t>
            </a:r>
            <a:endParaRPr lang="en-AU" sz="1600" b="0" dirty="0">
              <a:solidFill>
                <a:schemeClr val="tx1">
                  <a:lumMod val="75000"/>
                  <a:lumOff val="25000"/>
                </a:schemeClr>
              </a:solidFill>
              <a:latin typeface="Arial" panose="020B0604020202020204" pitchFamily="34" charset="0"/>
              <a:cs typeface="Arial" panose="020B0604020202020204" pitchFamily="34" charset="0"/>
            </a:endParaRPr>
          </a:p>
        </p:txBody>
      </p:sp>
      <p:sp>
        <p:nvSpPr>
          <p:cNvPr id="3" name="TextBox 2">
            <a:extLst>
              <a:ext uri="{FF2B5EF4-FFF2-40B4-BE49-F238E27FC236}">
                <a16:creationId xmlns:a16="http://schemas.microsoft.com/office/drawing/2014/main" id="{F4E4FBED-3E40-416F-9D9B-9B55E6391EC7}"/>
              </a:ext>
            </a:extLst>
          </p:cNvPr>
          <p:cNvSpPr txBox="1"/>
          <p:nvPr/>
        </p:nvSpPr>
        <p:spPr>
          <a:xfrm>
            <a:off x="1432194" y="473725"/>
            <a:ext cx="6279614" cy="369332"/>
          </a:xfrm>
          <a:prstGeom prst="rect">
            <a:avLst/>
          </a:prstGeom>
          <a:noFill/>
        </p:spPr>
        <p:txBody>
          <a:bodyPr wrap="square" rtlCol="0">
            <a:spAutoFit/>
          </a:bodyPr>
          <a:lstStyle/>
          <a:p>
            <a:pPr algn="ctr"/>
            <a:r>
              <a:rPr lang="en-AU" dirty="0">
                <a:solidFill>
                  <a:schemeClr val="tx1">
                    <a:lumMod val="65000"/>
                    <a:lumOff val="35000"/>
                  </a:schemeClr>
                </a:solidFill>
                <a:latin typeface="Arial" panose="020B0604020202020204" pitchFamily="34" charset="0"/>
                <a:cs typeface="Arial" panose="020B0604020202020204" pitchFamily="34" charset="0"/>
              </a:rPr>
              <a:t>If you have joined by phone: *6 to mute/unmute</a:t>
            </a:r>
          </a:p>
        </p:txBody>
      </p:sp>
      <p:sp>
        <p:nvSpPr>
          <p:cNvPr id="5" name="Title 4">
            <a:extLst>
              <a:ext uri="{FF2B5EF4-FFF2-40B4-BE49-F238E27FC236}">
                <a16:creationId xmlns:a16="http://schemas.microsoft.com/office/drawing/2014/main" id="{1F916423-183C-CCC9-D500-006492180DCA}"/>
              </a:ext>
            </a:extLst>
          </p:cNvPr>
          <p:cNvSpPr>
            <a:spLocks noGrp="1"/>
          </p:cNvSpPr>
          <p:nvPr>
            <p:ph type="title" idx="4294967295"/>
          </p:nvPr>
        </p:nvSpPr>
        <p:spPr>
          <a:xfrm>
            <a:off x="238125" y="-546496"/>
            <a:ext cx="8448675" cy="546496"/>
          </a:xfrm>
        </p:spPr>
        <p:txBody>
          <a:bodyPr vert="horz" lIns="91440" tIns="45720" rIns="91440" bIns="45720" rtlCol="0" anchor="b">
            <a:normAutofit/>
          </a:bodyPr>
          <a:lstStyle/>
          <a:p>
            <a:r>
              <a:rPr lang="en-US" dirty="0"/>
              <a:t>End</a:t>
            </a:r>
            <a:endParaRPr lang="en-AU" dirty="0"/>
          </a:p>
        </p:txBody>
      </p:sp>
    </p:spTree>
    <p:custDataLst>
      <p:tags r:id="rId1"/>
    </p:custDataLst>
    <p:extLst>
      <p:ext uri="{BB962C8B-B14F-4D97-AF65-F5344CB8AC3E}">
        <p14:creationId xmlns:p14="http://schemas.microsoft.com/office/powerpoint/2010/main" val="168424232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ABF20FC-ABE9-72A6-F421-97B2634D5EB8}"/>
              </a:ext>
              <a:ext uri="{C183D7F6-B498-43B3-948B-1728B52AA6E4}">
                <adec:decorative xmlns:adec="http://schemas.microsoft.com/office/drawing/2017/decorative" val="1"/>
              </a:ext>
            </a:extLst>
          </p:cNvPr>
          <p:cNvSpPr>
            <a:spLocks noGrp="1"/>
          </p:cNvSpPr>
          <p:nvPr>
            <p:ph type="sldNum" sz="quarter" idx="4"/>
          </p:nvPr>
        </p:nvSpPr>
        <p:spPr/>
        <p:txBody>
          <a:bodyPr/>
          <a:lstStyle/>
          <a:p>
            <a:fld id="{8A657B52-D046-4802-A3DE-55E7ED70298C}" type="slidenum">
              <a:rPr lang="en-AU" smtClean="0"/>
              <a:pPr/>
              <a:t>2</a:t>
            </a:fld>
            <a:endParaRPr lang="en-AU"/>
          </a:p>
        </p:txBody>
      </p:sp>
      <p:sp>
        <p:nvSpPr>
          <p:cNvPr id="6" name="TextBox 5">
            <a:extLst>
              <a:ext uri="{FF2B5EF4-FFF2-40B4-BE49-F238E27FC236}">
                <a16:creationId xmlns:a16="http://schemas.microsoft.com/office/drawing/2014/main" id="{EB36D384-B4F5-B05E-5F7E-B974CC282610}"/>
              </a:ext>
            </a:extLst>
          </p:cNvPr>
          <p:cNvSpPr txBox="1"/>
          <p:nvPr/>
        </p:nvSpPr>
        <p:spPr>
          <a:xfrm>
            <a:off x="1733797" y="1794392"/>
            <a:ext cx="6466776" cy="1569660"/>
          </a:xfrm>
          <a:prstGeom prst="rect">
            <a:avLst/>
          </a:prstGeom>
          <a:noFill/>
        </p:spPr>
        <p:txBody>
          <a:bodyPr wrap="square">
            <a:spAutoFit/>
          </a:bodyPr>
          <a:lstStyle/>
          <a:p>
            <a:pPr algn="ctr"/>
            <a:r>
              <a:rPr lang="en-AU" sz="2400" dirty="0">
                <a:latin typeface="Arial" panose="020B0604020202020204" pitchFamily="34" charset="0"/>
              </a:rPr>
              <a:t>I'd like to begin by acknowledging the Traditional Custodians of the lands on which we meet today. I would also like to pay my respects to Elders past and present.</a:t>
            </a:r>
          </a:p>
        </p:txBody>
      </p:sp>
      <p:sp>
        <p:nvSpPr>
          <p:cNvPr id="7" name="Title 1">
            <a:extLst>
              <a:ext uri="{FF2B5EF4-FFF2-40B4-BE49-F238E27FC236}">
                <a16:creationId xmlns:a16="http://schemas.microsoft.com/office/drawing/2014/main" id="{A9DBC9BC-1C90-98B1-2FA8-E96415896363}"/>
              </a:ext>
            </a:extLst>
          </p:cNvPr>
          <p:cNvSpPr txBox="1">
            <a:spLocks noGrp="1"/>
          </p:cNvSpPr>
          <p:nvPr>
            <p:ph type="title" idx="4294967295"/>
          </p:nvPr>
        </p:nvSpPr>
        <p:spPr>
          <a:xfrm>
            <a:off x="189576" y="194370"/>
            <a:ext cx="5669058" cy="461665"/>
          </a:xfrm>
          <a:prstGeom prst="rect">
            <a:avLst/>
          </a:prstGeom>
          <a:noFill/>
          <a:ln>
            <a:noFill/>
            <a:prstDash/>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lvl1pPr algn="l" defTabSz="914378" rtl="0" eaLnBrk="1" latinLnBrk="0" hangingPunct="1">
              <a:spcBef>
                <a:spcPct val="0"/>
              </a:spcBef>
              <a:buNone/>
              <a:defRPr sz="2400" kern="1200">
                <a:solidFill>
                  <a:schemeClr val="tx1">
                    <a:lumMod val="65000"/>
                    <a:lumOff val="35000"/>
                  </a:schemeClr>
                </a:solidFill>
                <a:latin typeface="Arial Black" panose="020B0A04020102020204" pitchFamily="34" charset="0"/>
                <a:ea typeface="+mj-ea"/>
                <a:cs typeface="Arial" panose="020B0604020202020204" pitchFamily="34" charset="0"/>
              </a:defRPr>
            </a:lvl1pPr>
          </a:lstStyle>
          <a:p>
            <a:pPr marL="0" marR="0" lvl="0" indent="0" algn="l" defTabSz="914378" rtl="0" eaLnBrk="1" fontAlgn="auto" latinLnBrk="0" hangingPunct="1">
              <a:lnSpc>
                <a:spcPct val="100000"/>
              </a:lnSpc>
              <a:spcBef>
                <a:spcPct val="0"/>
              </a:spcBef>
              <a:spcAft>
                <a:spcPts val="0"/>
              </a:spcAft>
              <a:buClrTx/>
              <a:buSzTx/>
              <a:buFontTx/>
              <a:buNone/>
              <a:tabLst/>
              <a:defRPr/>
            </a:pPr>
            <a:r>
              <a:rPr kumimoji="0" lang="en-US" sz="2400" b="0" i="0" u="none" strike="noStrike" kern="1200" cap="none" spc="0" normalizeH="0" baseline="0" noProof="0" dirty="0">
                <a:ln>
                  <a:noFill/>
                </a:ln>
                <a:solidFill>
                  <a:schemeClr val="tx1">
                    <a:lumMod val="65000"/>
                    <a:lumOff val="35000"/>
                  </a:schemeClr>
                </a:solidFill>
                <a:effectLst/>
                <a:uLnTx/>
                <a:uFillTx/>
                <a:latin typeface="Arial Black" panose="020B0A04020102020204" pitchFamily="34" charset="0"/>
                <a:ea typeface="+mj-ea"/>
                <a:cs typeface="Arial" panose="020B0604020202020204" pitchFamily="34" charset="0"/>
              </a:rPr>
              <a:t>Acknowledgment of Country</a:t>
            </a:r>
            <a:endParaRPr kumimoji="0" lang="en-AU" sz="2400" b="0" i="0" u="none" strike="noStrike" kern="1200" cap="none" spc="0" normalizeH="0" baseline="0" noProof="0" dirty="0">
              <a:ln>
                <a:noFill/>
              </a:ln>
              <a:solidFill>
                <a:schemeClr val="tx1">
                  <a:lumMod val="65000"/>
                  <a:lumOff val="35000"/>
                </a:schemeClr>
              </a:solidFill>
              <a:effectLst/>
              <a:uLnTx/>
              <a:uFillTx/>
              <a:latin typeface="Arial Black" panose="020B0A04020102020204" pitchFamily="34" charset="0"/>
              <a:ea typeface="+mj-ea"/>
              <a:cs typeface="Arial" panose="020B0604020202020204" pitchFamily="34" charset="0"/>
            </a:endParaRPr>
          </a:p>
        </p:txBody>
      </p:sp>
    </p:spTree>
    <p:extLst>
      <p:ext uri="{BB962C8B-B14F-4D97-AF65-F5344CB8AC3E}">
        <p14:creationId xmlns:p14="http://schemas.microsoft.com/office/powerpoint/2010/main" val="5430516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2" name="Rectangle 111">
            <a:extLst>
              <a:ext uri="{FF2B5EF4-FFF2-40B4-BE49-F238E27FC236}">
                <a16:creationId xmlns:a16="http://schemas.microsoft.com/office/drawing/2014/main" id="{32E40311-7E74-4A50-8BF5-8F5E446A2E85}"/>
              </a:ext>
              <a:ext uri="{C183D7F6-B498-43B3-948B-1728B52AA6E4}">
                <adec:decorative xmlns:adec="http://schemas.microsoft.com/office/drawing/2017/decorative" val="1"/>
              </a:ext>
            </a:extLst>
          </p:cNvPr>
          <p:cNvSpPr/>
          <p:nvPr/>
        </p:nvSpPr>
        <p:spPr>
          <a:xfrm>
            <a:off x="0" y="732737"/>
            <a:ext cx="9144000" cy="3698958"/>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t>\</a:t>
            </a:r>
            <a:endParaRPr lang="en-AU"/>
          </a:p>
        </p:txBody>
      </p:sp>
      <p:sp>
        <p:nvSpPr>
          <p:cNvPr id="2" name="Title 1"/>
          <p:cNvSpPr>
            <a:spLocks noGrp="1"/>
          </p:cNvSpPr>
          <p:nvPr>
            <p:ph type="title"/>
          </p:nvPr>
        </p:nvSpPr>
        <p:spPr>
          <a:xfrm>
            <a:off x="189576" y="194370"/>
            <a:ext cx="3950953" cy="369333"/>
          </a:xfrm>
        </p:spPr>
        <p:txBody>
          <a:bodyPr/>
          <a:lstStyle/>
          <a:p>
            <a:r>
              <a:rPr lang="en-US"/>
              <a:t>A snapshot of the Commission</a:t>
            </a:r>
            <a:endParaRPr lang="en-AU"/>
          </a:p>
        </p:txBody>
      </p:sp>
      <p:sp>
        <p:nvSpPr>
          <p:cNvPr id="36" name="Text Placeholder 35"/>
          <p:cNvSpPr>
            <a:spLocks noGrp="1"/>
          </p:cNvSpPr>
          <p:nvPr>
            <p:ph type="body" sz="quarter" idx="14"/>
          </p:nvPr>
        </p:nvSpPr>
        <p:spPr>
          <a:xfrm>
            <a:off x="7403466" y="4707996"/>
            <a:ext cx="1239790" cy="335646"/>
          </a:xfrm>
        </p:spPr>
        <p:txBody>
          <a:bodyPr>
            <a:normAutofit/>
          </a:bodyPr>
          <a:lstStyle/>
          <a:p>
            <a:r>
              <a:rPr lang="en-AU" dirty="0"/>
              <a:t>Philanthropy inquiry webinar</a:t>
            </a:r>
          </a:p>
        </p:txBody>
      </p:sp>
      <p:sp>
        <p:nvSpPr>
          <p:cNvPr id="5" name="Slide Number Placeholder 4">
            <a:extLst>
              <a:ext uri="{C183D7F6-B498-43B3-948B-1728B52AA6E4}">
                <adec:decorative xmlns:adec="http://schemas.microsoft.com/office/drawing/2017/decorative" val="1"/>
              </a:ext>
            </a:extLst>
          </p:cNvPr>
          <p:cNvSpPr>
            <a:spLocks noGrp="1"/>
          </p:cNvSpPr>
          <p:nvPr>
            <p:ph type="sldNum" sz="quarter" idx="4"/>
          </p:nvPr>
        </p:nvSpPr>
        <p:spPr/>
        <p:txBody>
          <a:bodyPr/>
          <a:lstStyle/>
          <a:p>
            <a:fld id="{8A657B52-D046-4802-A3DE-55E7ED70298C}" type="slidenum">
              <a:rPr lang="en-AU" smtClean="0"/>
              <a:pPr/>
              <a:t>3</a:t>
            </a:fld>
            <a:endParaRPr lang="en-AU"/>
          </a:p>
        </p:txBody>
      </p:sp>
      <p:grpSp>
        <p:nvGrpSpPr>
          <p:cNvPr id="6" name="Group 5" descr="This slide provides a snapshot of the role and functions of the Productivity Commission. It explains that the organisation is an independent research and advisory body that analyses economic, social and environmental issues. It conducts evidence-based analysis, develops policy ideas that contribute to actionable outcomes, and informs and educates. The Productivity Commission seeks to develop better policies in the long-term interest of the Australian community. ">
            <a:extLst>
              <a:ext uri="{FF2B5EF4-FFF2-40B4-BE49-F238E27FC236}">
                <a16:creationId xmlns:a16="http://schemas.microsoft.com/office/drawing/2014/main" id="{65AFC391-7EFA-C750-4BA0-36C85EE12551}"/>
              </a:ext>
            </a:extLst>
          </p:cNvPr>
          <p:cNvGrpSpPr/>
          <p:nvPr/>
        </p:nvGrpSpPr>
        <p:grpSpPr>
          <a:xfrm>
            <a:off x="915857" y="1015102"/>
            <a:ext cx="7115884" cy="3272277"/>
            <a:chOff x="915857" y="1015102"/>
            <a:chExt cx="7115884" cy="3272277"/>
          </a:xfrm>
        </p:grpSpPr>
        <p:sp>
          <p:nvSpPr>
            <p:cNvPr id="35" name="Rectangle 34">
              <a:extLst>
                <a:ext uri="{C183D7F6-B498-43B3-948B-1728B52AA6E4}">
                  <adec:decorative xmlns:adec="http://schemas.microsoft.com/office/drawing/2017/decorative" val="1"/>
                </a:ext>
              </a:extLst>
            </p:cNvPr>
            <p:cNvSpPr/>
            <p:nvPr/>
          </p:nvSpPr>
          <p:spPr>
            <a:xfrm>
              <a:off x="1674196" y="1015102"/>
              <a:ext cx="5607715" cy="648907"/>
            </a:xfrm>
            <a:prstGeom prst="rect">
              <a:avLst/>
            </a:prstGeom>
            <a:solidFill>
              <a:schemeClr val="tx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1800"/>
                </a:spcAft>
              </a:pPr>
              <a:r>
                <a:rPr lang="en-US" sz="1600" b="1" dirty="0">
                  <a:solidFill>
                    <a:prstClr val="white"/>
                  </a:solidFill>
                  <a:latin typeface="Arial" panose="020B0604020202020204" pitchFamily="34" charset="0"/>
                  <a:cs typeface="Arial" panose="020B0604020202020204" pitchFamily="34" charset="0"/>
                </a:rPr>
                <a:t>Independent research and advisory body</a:t>
              </a:r>
            </a:p>
          </p:txBody>
        </p:sp>
        <p:sp>
          <p:nvSpPr>
            <p:cNvPr id="38" name="Rectangle 37">
              <a:extLst>
                <a:ext uri="{C183D7F6-B498-43B3-948B-1728B52AA6E4}">
                  <adec:decorative xmlns:adec="http://schemas.microsoft.com/office/drawing/2017/decorative" val="1"/>
                </a:ext>
              </a:extLst>
            </p:cNvPr>
            <p:cNvSpPr/>
            <p:nvPr/>
          </p:nvSpPr>
          <p:spPr>
            <a:xfrm>
              <a:off x="1674197" y="2448898"/>
              <a:ext cx="1811793" cy="119542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solidFill>
                  <a:prstClr val="white"/>
                </a:solidFill>
              </a:endParaRPr>
            </a:p>
          </p:txBody>
        </p:sp>
        <p:sp>
          <p:nvSpPr>
            <p:cNvPr id="39" name="TextBox 38"/>
            <p:cNvSpPr txBox="1"/>
            <p:nvPr/>
          </p:nvSpPr>
          <p:spPr>
            <a:xfrm>
              <a:off x="1747096" y="3100780"/>
              <a:ext cx="1665995" cy="430887"/>
            </a:xfrm>
            <a:prstGeom prst="rect">
              <a:avLst/>
            </a:prstGeom>
            <a:noFill/>
          </p:spPr>
          <p:txBody>
            <a:bodyPr wrap="square" rtlCol="0">
              <a:spAutoFit/>
            </a:bodyPr>
            <a:lstStyle/>
            <a:p>
              <a:pPr algn="ctr"/>
              <a:r>
                <a:rPr lang="en-US" sz="1100" b="1">
                  <a:solidFill>
                    <a:schemeClr val="tx1">
                      <a:lumMod val="75000"/>
                      <a:lumOff val="25000"/>
                    </a:schemeClr>
                  </a:solidFill>
                  <a:latin typeface="Arial" panose="020B0604020202020204" pitchFamily="34" charset="0"/>
                  <a:cs typeface="Arial" panose="020B0604020202020204" pitchFamily="34" charset="0"/>
                </a:rPr>
                <a:t>Evidence-based analysis</a:t>
              </a:r>
            </a:p>
          </p:txBody>
        </p:sp>
        <p:sp>
          <p:nvSpPr>
            <p:cNvPr id="51" name="Rectangle 50">
              <a:extLst>
                <a:ext uri="{C183D7F6-B498-43B3-948B-1728B52AA6E4}">
                  <adec:decorative xmlns:adec="http://schemas.microsoft.com/office/drawing/2017/decorative" val="1"/>
                </a:ext>
              </a:extLst>
            </p:cNvPr>
            <p:cNvSpPr/>
            <p:nvPr/>
          </p:nvSpPr>
          <p:spPr>
            <a:xfrm>
              <a:off x="3568415" y="2448897"/>
              <a:ext cx="1811793" cy="119542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solidFill>
                  <a:prstClr val="white"/>
                </a:solidFill>
              </a:endParaRPr>
            </a:p>
          </p:txBody>
        </p:sp>
        <p:sp>
          <p:nvSpPr>
            <p:cNvPr id="52" name="TextBox 51"/>
            <p:cNvSpPr txBox="1"/>
            <p:nvPr/>
          </p:nvSpPr>
          <p:spPr>
            <a:xfrm>
              <a:off x="3671510" y="3091608"/>
              <a:ext cx="1605602" cy="430887"/>
            </a:xfrm>
            <a:prstGeom prst="rect">
              <a:avLst/>
            </a:prstGeom>
            <a:solidFill>
              <a:schemeClr val="bg1"/>
            </a:solidFill>
          </p:spPr>
          <p:txBody>
            <a:bodyPr wrap="square" rtlCol="0">
              <a:spAutoFit/>
            </a:bodyPr>
            <a:lstStyle/>
            <a:p>
              <a:pPr algn="ctr"/>
              <a:r>
                <a:rPr lang="en-US" sz="1100" b="1">
                  <a:solidFill>
                    <a:schemeClr val="tx1">
                      <a:lumMod val="75000"/>
                      <a:lumOff val="25000"/>
                    </a:schemeClr>
                  </a:solidFill>
                  <a:latin typeface="Arial" panose="020B0604020202020204" pitchFamily="34" charset="0"/>
                  <a:cs typeface="Arial" panose="020B0604020202020204" pitchFamily="34" charset="0"/>
                </a:rPr>
                <a:t>Policy ideas ↔ actionable outcomes  </a:t>
              </a:r>
            </a:p>
          </p:txBody>
        </p:sp>
        <p:sp>
          <p:nvSpPr>
            <p:cNvPr id="58" name="Rectangle 57">
              <a:extLst>
                <a:ext uri="{C183D7F6-B498-43B3-948B-1728B52AA6E4}">
                  <adec:decorative xmlns:adec="http://schemas.microsoft.com/office/drawing/2017/decorative" val="1"/>
                </a:ext>
              </a:extLst>
            </p:cNvPr>
            <p:cNvSpPr/>
            <p:nvPr/>
          </p:nvSpPr>
          <p:spPr>
            <a:xfrm>
              <a:off x="5462632" y="2448898"/>
              <a:ext cx="1811793" cy="119542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solidFill>
                  <a:prstClr val="white"/>
                </a:solidFill>
              </a:endParaRPr>
            </a:p>
          </p:txBody>
        </p:sp>
        <p:sp>
          <p:nvSpPr>
            <p:cNvPr id="59" name="Rectangle 58"/>
            <p:cNvSpPr/>
            <p:nvPr/>
          </p:nvSpPr>
          <p:spPr>
            <a:xfrm>
              <a:off x="5817182" y="3091754"/>
              <a:ext cx="1102693" cy="430887"/>
            </a:xfrm>
            <a:prstGeom prst="rect">
              <a:avLst/>
            </a:prstGeom>
            <a:solidFill>
              <a:schemeClr val="bg1"/>
            </a:solidFill>
          </p:spPr>
          <p:txBody>
            <a:bodyPr wrap="square">
              <a:spAutoFit/>
            </a:bodyPr>
            <a:lstStyle/>
            <a:p>
              <a:pPr algn="ctr"/>
              <a:r>
                <a:rPr lang="en-US" sz="1100" b="1">
                  <a:solidFill>
                    <a:schemeClr val="tx1">
                      <a:lumMod val="75000"/>
                      <a:lumOff val="25000"/>
                    </a:schemeClr>
                  </a:solidFill>
                  <a:latin typeface="Arial" panose="020B0604020202020204" pitchFamily="34" charset="0"/>
                  <a:cs typeface="Arial" panose="020B0604020202020204" pitchFamily="34" charset="0"/>
                </a:rPr>
                <a:t>Inform</a:t>
              </a:r>
              <a:br>
                <a:rPr lang="en-US" sz="1100" b="1">
                  <a:solidFill>
                    <a:schemeClr val="tx1">
                      <a:lumMod val="75000"/>
                      <a:lumOff val="25000"/>
                    </a:schemeClr>
                  </a:solidFill>
                  <a:latin typeface="Arial" panose="020B0604020202020204" pitchFamily="34" charset="0"/>
                  <a:cs typeface="Arial" panose="020B0604020202020204" pitchFamily="34" charset="0"/>
                </a:rPr>
              </a:br>
              <a:r>
                <a:rPr lang="en-US" sz="1100" b="1">
                  <a:solidFill>
                    <a:schemeClr val="tx1">
                      <a:lumMod val="75000"/>
                      <a:lumOff val="25000"/>
                    </a:schemeClr>
                  </a:solidFill>
                  <a:latin typeface="Arial" panose="020B0604020202020204" pitchFamily="34" charset="0"/>
                  <a:cs typeface="Arial" panose="020B0604020202020204" pitchFamily="34" charset="0"/>
                </a:rPr>
                <a:t>and educate</a:t>
              </a:r>
            </a:p>
          </p:txBody>
        </p:sp>
        <p:grpSp>
          <p:nvGrpSpPr>
            <p:cNvPr id="65" name="Group 64"/>
            <p:cNvGrpSpPr/>
            <p:nvPr/>
          </p:nvGrpSpPr>
          <p:grpSpPr>
            <a:xfrm>
              <a:off x="915857" y="3710325"/>
              <a:ext cx="7115884" cy="577054"/>
              <a:chOff x="1870276" y="5503176"/>
              <a:chExt cx="7871836" cy="638357"/>
            </a:xfrm>
          </p:grpSpPr>
          <p:grpSp>
            <p:nvGrpSpPr>
              <p:cNvPr id="66" name="Group 65"/>
              <p:cNvGrpSpPr/>
              <p:nvPr/>
            </p:nvGrpSpPr>
            <p:grpSpPr>
              <a:xfrm rot="10800000">
                <a:off x="9264264" y="5525719"/>
                <a:ext cx="477848" cy="615809"/>
                <a:chOff x="3518088" y="5328833"/>
                <a:chExt cx="477848" cy="627018"/>
              </a:xfrm>
            </p:grpSpPr>
            <p:sp>
              <p:nvSpPr>
                <p:cNvPr id="71" name="Rectangle 70">
                  <a:extLst>
                    <a:ext uri="{C183D7F6-B498-43B3-948B-1728B52AA6E4}">
                      <adec:decorative xmlns:adec="http://schemas.microsoft.com/office/drawing/2017/decorative" val="1"/>
                    </a:ext>
                  </a:extLst>
                </p:cNvPr>
                <p:cNvSpPr/>
                <p:nvPr/>
              </p:nvSpPr>
              <p:spPr>
                <a:xfrm>
                  <a:off x="3563888" y="5388098"/>
                  <a:ext cx="432048" cy="508478"/>
                </a:xfrm>
                <a:prstGeom prst="rect">
                  <a:avLst/>
                </a:prstGeom>
                <a:solidFill>
                  <a:schemeClr val="tx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solidFill>
                      <a:prstClr val="white"/>
                    </a:solidFill>
                  </a:endParaRPr>
                </a:p>
              </p:txBody>
            </p:sp>
            <p:sp>
              <p:nvSpPr>
                <p:cNvPr id="72" name="Isosceles Triangle 71"/>
                <p:cNvSpPr/>
                <p:nvPr/>
              </p:nvSpPr>
              <p:spPr>
                <a:xfrm rot="5400000">
                  <a:off x="3298684" y="5548236"/>
                  <a:ext cx="627019" cy="188209"/>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solidFill>
                      <a:prstClr val="white"/>
                    </a:solidFill>
                  </a:endParaRPr>
                </a:p>
              </p:txBody>
            </p:sp>
          </p:grpSp>
          <p:grpSp>
            <p:nvGrpSpPr>
              <p:cNvPr id="67" name="Group 66"/>
              <p:cNvGrpSpPr/>
              <p:nvPr/>
            </p:nvGrpSpPr>
            <p:grpSpPr>
              <a:xfrm>
                <a:off x="1870276" y="5525723"/>
                <a:ext cx="477847" cy="615810"/>
                <a:chOff x="3518089" y="5328831"/>
                <a:chExt cx="477847" cy="627019"/>
              </a:xfrm>
            </p:grpSpPr>
            <p:sp>
              <p:nvSpPr>
                <p:cNvPr id="69" name="Rectangle 68">
                  <a:extLst>
                    <a:ext uri="{C183D7F6-B498-43B3-948B-1728B52AA6E4}">
                      <adec:decorative xmlns:adec="http://schemas.microsoft.com/office/drawing/2017/decorative" val="1"/>
                    </a:ext>
                  </a:extLst>
                </p:cNvPr>
                <p:cNvSpPr/>
                <p:nvPr/>
              </p:nvSpPr>
              <p:spPr>
                <a:xfrm>
                  <a:off x="3563888" y="5388098"/>
                  <a:ext cx="432048" cy="508478"/>
                </a:xfrm>
                <a:prstGeom prst="rect">
                  <a:avLst/>
                </a:prstGeom>
                <a:solidFill>
                  <a:schemeClr val="tx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solidFill>
                      <a:prstClr val="white"/>
                    </a:solidFill>
                  </a:endParaRPr>
                </a:p>
              </p:txBody>
            </p:sp>
            <p:sp>
              <p:nvSpPr>
                <p:cNvPr id="70" name="Isosceles Triangle 69"/>
                <p:cNvSpPr/>
                <p:nvPr/>
              </p:nvSpPr>
              <p:spPr>
                <a:xfrm rot="5400000">
                  <a:off x="3298684" y="5548236"/>
                  <a:ext cx="627019" cy="188209"/>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solidFill>
                      <a:prstClr val="white"/>
                    </a:solidFill>
                  </a:endParaRPr>
                </a:p>
              </p:txBody>
            </p:sp>
          </p:grpSp>
          <p:sp>
            <p:nvSpPr>
              <p:cNvPr id="68" name="TextBox 67">
                <a:extLst>
                  <a:ext uri="{C183D7F6-B498-43B3-948B-1728B52AA6E4}">
                    <adec:decorative xmlns:adec="http://schemas.microsoft.com/office/drawing/2017/decorative" val="1"/>
                  </a:ext>
                </a:extLst>
              </p:cNvPr>
              <p:cNvSpPr txBox="1"/>
              <p:nvPr/>
            </p:nvSpPr>
            <p:spPr>
              <a:xfrm>
                <a:off x="2172550" y="5503176"/>
                <a:ext cx="7267492" cy="491529"/>
              </a:xfrm>
              <a:prstGeom prst="rect">
                <a:avLst/>
              </a:prstGeom>
              <a:solidFill>
                <a:schemeClr val="tx2">
                  <a:lumMod val="40000"/>
                  <a:lumOff val="60000"/>
                </a:schemeClr>
              </a:solidFill>
              <a:effectLst/>
            </p:spPr>
            <p:txBody>
              <a:bodyPr wrap="square" tIns="72000" rtlCol="0" anchor="ctr" anchorCtr="0">
                <a:noAutofit/>
              </a:bodyPr>
              <a:lstStyle/>
              <a:p>
                <a:pPr algn="ctr"/>
                <a:r>
                  <a:rPr lang="en-AU" sz="1300" b="1">
                    <a:solidFill>
                      <a:prstClr val="black">
                        <a:lumMod val="85000"/>
                        <a:lumOff val="15000"/>
                      </a:prstClr>
                    </a:solidFill>
                    <a:latin typeface="Arial Black" panose="020B0A04020102020204" pitchFamily="34" charset="0"/>
                  </a:rPr>
                  <a:t>Better policies in the long-term interest of the Australian community</a:t>
                </a:r>
              </a:p>
            </p:txBody>
          </p:sp>
        </p:grpSp>
        <p:sp>
          <p:nvSpPr>
            <p:cNvPr id="73" name="Rectangle 72">
              <a:extLst>
                <a:ext uri="{C183D7F6-B498-43B3-948B-1728B52AA6E4}">
                  <adec:decorative xmlns:adec="http://schemas.microsoft.com/office/drawing/2017/decorative" val="1"/>
                </a:ext>
              </a:extLst>
            </p:cNvPr>
            <p:cNvSpPr/>
            <p:nvPr/>
          </p:nvSpPr>
          <p:spPr>
            <a:xfrm>
              <a:off x="1674196" y="1732000"/>
              <a:ext cx="5607715" cy="64890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1800"/>
                </a:spcAft>
              </a:pPr>
              <a:r>
                <a:rPr lang="en-US" sz="1600" b="1">
                  <a:solidFill>
                    <a:prstClr val="white"/>
                  </a:solidFill>
                  <a:latin typeface="Arial" panose="020B0604020202020204" pitchFamily="34" charset="0"/>
                  <a:cs typeface="Arial" panose="020B0604020202020204" pitchFamily="34" charset="0"/>
                </a:rPr>
                <a:t>Economic, social and environmental issues</a:t>
              </a:r>
              <a:endParaRPr lang="en-US" sz="1600">
                <a:solidFill>
                  <a:prstClr val="white"/>
                </a:solidFill>
                <a:latin typeface="Arial" panose="020B0604020202020204" pitchFamily="34" charset="0"/>
                <a:cs typeface="Arial" panose="020B0604020202020204" pitchFamily="34" charset="0"/>
              </a:endParaRPr>
            </a:p>
          </p:txBody>
        </p:sp>
        <p:grpSp>
          <p:nvGrpSpPr>
            <p:cNvPr id="74" name="Group 73">
              <a:extLst>
                <a:ext uri="{FF2B5EF4-FFF2-40B4-BE49-F238E27FC236}">
                  <a16:creationId xmlns:a16="http://schemas.microsoft.com/office/drawing/2014/main" id="{086C5B0E-11DB-4E5C-892C-49B8872E599E}"/>
                </a:ext>
              </a:extLst>
            </p:cNvPr>
            <p:cNvGrpSpPr/>
            <p:nvPr/>
          </p:nvGrpSpPr>
          <p:grpSpPr>
            <a:xfrm>
              <a:off x="4246036" y="2612252"/>
              <a:ext cx="400350" cy="419100"/>
              <a:chOff x="2859826" y="3589527"/>
              <a:chExt cx="400350" cy="419100"/>
            </a:xfrm>
          </p:grpSpPr>
          <p:sp>
            <p:nvSpPr>
              <p:cNvPr id="75" name="Graphic 142">
                <a:extLst>
                  <a:ext uri="{FF2B5EF4-FFF2-40B4-BE49-F238E27FC236}">
                    <a16:creationId xmlns:a16="http://schemas.microsoft.com/office/drawing/2014/main" id="{380C163B-0F2A-44ED-8A2C-11981FFB7959}"/>
                  </a:ext>
                  <a:ext uri="{C183D7F6-B498-43B3-948B-1728B52AA6E4}">
                    <adec:decorative xmlns:adec="http://schemas.microsoft.com/office/drawing/2017/decorative" val="1"/>
                  </a:ext>
                </a:extLst>
              </p:cNvPr>
              <p:cNvSpPr/>
              <p:nvPr/>
            </p:nvSpPr>
            <p:spPr>
              <a:xfrm>
                <a:off x="2920936" y="3595909"/>
                <a:ext cx="278510" cy="276415"/>
              </a:xfrm>
              <a:custGeom>
                <a:avLst/>
                <a:gdLst>
                  <a:gd name="connsiteX0" fmla="*/ 278511 w 278510"/>
                  <a:gd name="connsiteY0" fmla="*/ 138208 h 276415"/>
                  <a:gd name="connsiteX1" fmla="*/ 139255 w 278510"/>
                  <a:gd name="connsiteY1" fmla="*/ 276416 h 276415"/>
                  <a:gd name="connsiteX2" fmla="*/ 0 w 278510"/>
                  <a:gd name="connsiteY2" fmla="*/ 138208 h 276415"/>
                  <a:gd name="connsiteX3" fmla="*/ 139255 w 278510"/>
                  <a:gd name="connsiteY3" fmla="*/ 0 h 276415"/>
                  <a:gd name="connsiteX4" fmla="*/ 278511 w 278510"/>
                  <a:gd name="connsiteY4" fmla="*/ 138208 h 27641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510" h="276415">
                    <a:moveTo>
                      <a:pt x="278511" y="138208"/>
                    </a:moveTo>
                    <a:cubicBezTo>
                      <a:pt x="278511" y="214538"/>
                      <a:pt x="216164" y="276416"/>
                      <a:pt x="139255" y="276416"/>
                    </a:cubicBezTo>
                    <a:cubicBezTo>
                      <a:pt x="62347" y="276416"/>
                      <a:pt x="0" y="214538"/>
                      <a:pt x="0" y="138208"/>
                    </a:cubicBezTo>
                    <a:cubicBezTo>
                      <a:pt x="0" y="61878"/>
                      <a:pt x="62347" y="0"/>
                      <a:pt x="139255" y="0"/>
                    </a:cubicBezTo>
                    <a:cubicBezTo>
                      <a:pt x="216164" y="0"/>
                      <a:pt x="278511" y="61878"/>
                      <a:pt x="278511" y="138208"/>
                    </a:cubicBezTo>
                    <a:close/>
                  </a:path>
                </a:pathLst>
              </a:custGeom>
              <a:solidFill>
                <a:srgbClr val="C7E4F1"/>
              </a:solidFill>
              <a:ln w="9525" cap="flat">
                <a:noFill/>
                <a:prstDash val="solid"/>
                <a:miter/>
              </a:ln>
            </p:spPr>
            <p:txBody>
              <a:bodyPr rtlCol="0" anchor="ctr"/>
              <a:lstStyle/>
              <a:p>
                <a:endParaRPr lang="en-AU"/>
              </a:p>
            </p:txBody>
          </p:sp>
          <p:sp>
            <p:nvSpPr>
              <p:cNvPr id="76" name="Graphic 142">
                <a:extLst>
                  <a:ext uri="{FF2B5EF4-FFF2-40B4-BE49-F238E27FC236}">
                    <a16:creationId xmlns:a16="http://schemas.microsoft.com/office/drawing/2014/main" id="{9B0A0774-F805-49AB-9CFC-7C34FA834E64}"/>
                  </a:ext>
                </a:extLst>
              </p:cNvPr>
              <p:cNvSpPr/>
              <p:nvPr/>
            </p:nvSpPr>
            <p:spPr>
              <a:xfrm>
                <a:off x="2997708" y="3882326"/>
                <a:ext cx="124967" cy="75056"/>
              </a:xfrm>
              <a:custGeom>
                <a:avLst/>
                <a:gdLst>
                  <a:gd name="connsiteX0" fmla="*/ 0 w 124967"/>
                  <a:gd name="connsiteY0" fmla="*/ 0 h 75056"/>
                  <a:gd name="connsiteX1" fmla="*/ 124968 w 124967"/>
                  <a:gd name="connsiteY1" fmla="*/ 0 h 75056"/>
                  <a:gd name="connsiteX2" fmla="*/ 124968 w 124967"/>
                  <a:gd name="connsiteY2" fmla="*/ 75057 h 75056"/>
                  <a:gd name="connsiteX3" fmla="*/ 0 w 124967"/>
                  <a:gd name="connsiteY3" fmla="*/ 75057 h 75056"/>
                </a:gdLst>
                <a:ahLst/>
                <a:cxnLst>
                  <a:cxn ang="0">
                    <a:pos x="connsiteX0" y="connsiteY0"/>
                  </a:cxn>
                  <a:cxn ang="0">
                    <a:pos x="connsiteX1" y="connsiteY1"/>
                  </a:cxn>
                  <a:cxn ang="0">
                    <a:pos x="connsiteX2" y="connsiteY2"/>
                  </a:cxn>
                  <a:cxn ang="0">
                    <a:pos x="connsiteX3" y="connsiteY3"/>
                  </a:cxn>
                </a:cxnLst>
                <a:rect l="l" t="t" r="r" b="b"/>
                <a:pathLst>
                  <a:path w="124967" h="75056">
                    <a:moveTo>
                      <a:pt x="0" y="0"/>
                    </a:moveTo>
                    <a:lnTo>
                      <a:pt x="124968" y="0"/>
                    </a:lnTo>
                    <a:lnTo>
                      <a:pt x="124968" y="75057"/>
                    </a:lnTo>
                    <a:lnTo>
                      <a:pt x="0" y="75057"/>
                    </a:lnTo>
                    <a:close/>
                  </a:path>
                </a:pathLst>
              </a:custGeom>
              <a:solidFill>
                <a:srgbClr val="C7E4F1"/>
              </a:solidFill>
              <a:ln w="9525" cap="flat">
                <a:noFill/>
                <a:prstDash val="solid"/>
                <a:miter/>
              </a:ln>
            </p:spPr>
            <p:txBody>
              <a:bodyPr rtlCol="0" anchor="ctr"/>
              <a:lstStyle/>
              <a:p>
                <a:endParaRPr lang="en-AU"/>
              </a:p>
            </p:txBody>
          </p:sp>
          <p:sp>
            <p:nvSpPr>
              <p:cNvPr id="77" name="Graphic 142">
                <a:extLst>
                  <a:ext uri="{FF2B5EF4-FFF2-40B4-BE49-F238E27FC236}">
                    <a16:creationId xmlns:a16="http://schemas.microsoft.com/office/drawing/2014/main" id="{03353407-FB55-4202-A983-AFA309B00458}"/>
                  </a:ext>
                </a:extLst>
              </p:cNvPr>
              <p:cNvSpPr/>
              <p:nvPr/>
            </p:nvSpPr>
            <p:spPr>
              <a:xfrm>
                <a:off x="3037236" y="3963384"/>
                <a:ext cx="43434" cy="29432"/>
              </a:xfrm>
              <a:custGeom>
                <a:avLst/>
                <a:gdLst>
                  <a:gd name="connsiteX0" fmla="*/ 0 w 43434"/>
                  <a:gd name="connsiteY0" fmla="*/ 0 h 29432"/>
                  <a:gd name="connsiteX1" fmla="*/ 43434 w 43434"/>
                  <a:gd name="connsiteY1" fmla="*/ 0 h 29432"/>
                  <a:gd name="connsiteX2" fmla="*/ 43434 w 43434"/>
                  <a:gd name="connsiteY2" fmla="*/ 29432 h 29432"/>
                  <a:gd name="connsiteX3" fmla="*/ 0 w 43434"/>
                  <a:gd name="connsiteY3" fmla="*/ 29432 h 29432"/>
                </a:gdLst>
                <a:ahLst/>
                <a:cxnLst>
                  <a:cxn ang="0">
                    <a:pos x="connsiteX0" y="connsiteY0"/>
                  </a:cxn>
                  <a:cxn ang="0">
                    <a:pos x="connsiteX1" y="connsiteY1"/>
                  </a:cxn>
                  <a:cxn ang="0">
                    <a:pos x="connsiteX2" y="connsiteY2"/>
                  </a:cxn>
                  <a:cxn ang="0">
                    <a:pos x="connsiteX3" y="connsiteY3"/>
                  </a:cxn>
                </a:cxnLst>
                <a:rect l="l" t="t" r="r" b="b"/>
                <a:pathLst>
                  <a:path w="43434" h="29432">
                    <a:moveTo>
                      <a:pt x="0" y="0"/>
                    </a:moveTo>
                    <a:lnTo>
                      <a:pt x="43434" y="0"/>
                    </a:lnTo>
                    <a:lnTo>
                      <a:pt x="43434" y="29432"/>
                    </a:lnTo>
                    <a:lnTo>
                      <a:pt x="0" y="29432"/>
                    </a:lnTo>
                    <a:close/>
                  </a:path>
                </a:pathLst>
              </a:custGeom>
              <a:solidFill>
                <a:srgbClr val="66B9DA"/>
              </a:solidFill>
              <a:ln w="9525" cap="flat">
                <a:noFill/>
                <a:prstDash val="solid"/>
                <a:miter/>
              </a:ln>
            </p:spPr>
            <p:txBody>
              <a:bodyPr rtlCol="0" anchor="ctr"/>
              <a:lstStyle/>
              <a:p>
                <a:endParaRPr lang="en-AU"/>
              </a:p>
            </p:txBody>
          </p:sp>
          <p:sp>
            <p:nvSpPr>
              <p:cNvPr id="78" name="Graphic 142">
                <a:extLst>
                  <a:ext uri="{FF2B5EF4-FFF2-40B4-BE49-F238E27FC236}">
                    <a16:creationId xmlns:a16="http://schemas.microsoft.com/office/drawing/2014/main" id="{3A527E66-C1CD-4DD8-BD57-9A62A19B9B39}"/>
                  </a:ext>
                </a:extLst>
              </p:cNvPr>
              <p:cNvSpPr/>
              <p:nvPr/>
            </p:nvSpPr>
            <p:spPr>
              <a:xfrm>
                <a:off x="2904077" y="3589527"/>
                <a:ext cx="312134" cy="258699"/>
              </a:xfrm>
              <a:custGeom>
                <a:avLst/>
                <a:gdLst>
                  <a:gd name="connsiteX0" fmla="*/ 258985 w 312134"/>
                  <a:gd name="connsiteY0" fmla="*/ 258699 h 258699"/>
                  <a:gd name="connsiteX1" fmla="*/ 252413 w 312134"/>
                  <a:gd name="connsiteY1" fmla="*/ 255842 h 258699"/>
                  <a:gd name="connsiteX2" fmla="*/ 250031 w 312134"/>
                  <a:gd name="connsiteY2" fmla="*/ 249365 h 258699"/>
                  <a:gd name="connsiteX3" fmla="*/ 252889 w 312134"/>
                  <a:gd name="connsiteY3" fmla="*/ 243078 h 258699"/>
                  <a:gd name="connsiteX4" fmla="*/ 294227 w 312134"/>
                  <a:gd name="connsiteY4" fmla="*/ 149352 h 258699"/>
                  <a:gd name="connsiteX5" fmla="*/ 156115 w 312134"/>
                  <a:gd name="connsiteY5" fmla="*/ 18002 h 258699"/>
                  <a:gd name="connsiteX6" fmla="*/ 18002 w 312134"/>
                  <a:gd name="connsiteY6" fmla="*/ 149352 h 258699"/>
                  <a:gd name="connsiteX7" fmla="*/ 55531 w 312134"/>
                  <a:gd name="connsiteY7" fmla="*/ 239459 h 258699"/>
                  <a:gd name="connsiteX8" fmla="*/ 58103 w 312134"/>
                  <a:gd name="connsiteY8" fmla="*/ 245840 h 258699"/>
                  <a:gd name="connsiteX9" fmla="*/ 55436 w 312134"/>
                  <a:gd name="connsiteY9" fmla="*/ 252127 h 258699"/>
                  <a:gd name="connsiteX10" fmla="*/ 49149 w 312134"/>
                  <a:gd name="connsiteY10" fmla="*/ 254794 h 258699"/>
                  <a:gd name="connsiteX11" fmla="*/ 42767 w 312134"/>
                  <a:gd name="connsiteY11" fmla="*/ 252127 h 258699"/>
                  <a:gd name="connsiteX12" fmla="*/ 0 w 312134"/>
                  <a:gd name="connsiteY12" fmla="*/ 149352 h 258699"/>
                  <a:gd name="connsiteX13" fmla="*/ 156115 w 312134"/>
                  <a:gd name="connsiteY13" fmla="*/ 0 h 258699"/>
                  <a:gd name="connsiteX14" fmla="*/ 312134 w 312134"/>
                  <a:gd name="connsiteY14" fmla="*/ 149352 h 258699"/>
                  <a:gd name="connsiteX15" fmla="*/ 265176 w 312134"/>
                  <a:gd name="connsiteY15" fmla="*/ 256223 h 258699"/>
                  <a:gd name="connsiteX16" fmla="*/ 258985 w 312134"/>
                  <a:gd name="connsiteY16" fmla="*/ 258699 h 258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12134" h="258699">
                    <a:moveTo>
                      <a:pt x="258985" y="258699"/>
                    </a:moveTo>
                    <a:cubicBezTo>
                      <a:pt x="256508" y="258642"/>
                      <a:pt x="254146" y="257613"/>
                      <a:pt x="252413" y="255842"/>
                    </a:cubicBezTo>
                    <a:cubicBezTo>
                      <a:pt x="250841" y="254060"/>
                      <a:pt x="249984" y="251746"/>
                      <a:pt x="250031" y="249365"/>
                    </a:cubicBezTo>
                    <a:cubicBezTo>
                      <a:pt x="250165" y="246983"/>
                      <a:pt x="251184" y="244745"/>
                      <a:pt x="252889" y="243078"/>
                    </a:cubicBezTo>
                    <a:cubicBezTo>
                      <a:pt x="279206" y="219018"/>
                      <a:pt x="294208" y="185014"/>
                      <a:pt x="294227" y="149352"/>
                    </a:cubicBezTo>
                    <a:cubicBezTo>
                      <a:pt x="294227" y="76962"/>
                      <a:pt x="232219" y="18002"/>
                      <a:pt x="156115" y="18002"/>
                    </a:cubicBezTo>
                    <a:cubicBezTo>
                      <a:pt x="80010" y="18002"/>
                      <a:pt x="18002" y="76962"/>
                      <a:pt x="18002" y="149352"/>
                    </a:cubicBezTo>
                    <a:cubicBezTo>
                      <a:pt x="18088" y="183175"/>
                      <a:pt x="31585" y="215580"/>
                      <a:pt x="55531" y="239459"/>
                    </a:cubicBezTo>
                    <a:cubicBezTo>
                      <a:pt x="57150" y="241192"/>
                      <a:pt x="58074" y="243469"/>
                      <a:pt x="58103" y="245840"/>
                    </a:cubicBezTo>
                    <a:cubicBezTo>
                      <a:pt x="58112" y="248212"/>
                      <a:pt x="57150" y="250488"/>
                      <a:pt x="55436" y="252127"/>
                    </a:cubicBezTo>
                    <a:cubicBezTo>
                      <a:pt x="53788" y="253832"/>
                      <a:pt x="51521" y="254794"/>
                      <a:pt x="49149" y="254794"/>
                    </a:cubicBezTo>
                    <a:cubicBezTo>
                      <a:pt x="46739" y="254832"/>
                      <a:pt x="44434" y="253860"/>
                      <a:pt x="42767" y="252127"/>
                    </a:cubicBezTo>
                    <a:cubicBezTo>
                      <a:pt x="15449" y="224895"/>
                      <a:pt x="67" y="187928"/>
                      <a:pt x="0" y="149352"/>
                    </a:cubicBezTo>
                    <a:cubicBezTo>
                      <a:pt x="0" y="67056"/>
                      <a:pt x="70009" y="0"/>
                      <a:pt x="156115" y="0"/>
                    </a:cubicBezTo>
                    <a:cubicBezTo>
                      <a:pt x="242221" y="0"/>
                      <a:pt x="312134" y="66675"/>
                      <a:pt x="312134" y="149352"/>
                    </a:cubicBezTo>
                    <a:cubicBezTo>
                      <a:pt x="312125" y="189976"/>
                      <a:pt x="295094" y="228743"/>
                      <a:pt x="265176" y="256223"/>
                    </a:cubicBezTo>
                    <a:cubicBezTo>
                      <a:pt x="263509" y="257813"/>
                      <a:pt x="261290" y="258699"/>
                      <a:pt x="258985" y="258699"/>
                    </a:cubicBezTo>
                    <a:close/>
                  </a:path>
                </a:pathLst>
              </a:custGeom>
              <a:solidFill>
                <a:srgbClr val="265999"/>
              </a:solidFill>
              <a:ln w="9525" cap="flat">
                <a:noFill/>
                <a:prstDash val="solid"/>
                <a:miter/>
              </a:ln>
            </p:spPr>
            <p:txBody>
              <a:bodyPr rtlCol="0" anchor="ctr"/>
              <a:lstStyle/>
              <a:p>
                <a:endParaRPr lang="en-AU"/>
              </a:p>
            </p:txBody>
          </p:sp>
          <p:sp>
            <p:nvSpPr>
              <p:cNvPr id="79" name="Graphic 142">
                <a:extLst>
                  <a:ext uri="{FF2B5EF4-FFF2-40B4-BE49-F238E27FC236}">
                    <a16:creationId xmlns:a16="http://schemas.microsoft.com/office/drawing/2014/main" id="{5785EEA2-A5F4-4182-9AE9-2F78943DE8DF}"/>
                  </a:ext>
                </a:extLst>
              </p:cNvPr>
              <p:cNvSpPr/>
              <p:nvPr/>
            </p:nvSpPr>
            <p:spPr>
              <a:xfrm>
                <a:off x="2997679" y="3696493"/>
                <a:ext cx="124845" cy="71437"/>
              </a:xfrm>
              <a:custGeom>
                <a:avLst/>
                <a:gdLst>
                  <a:gd name="connsiteX0" fmla="*/ 89183 w 124845"/>
                  <a:gd name="connsiteY0" fmla="*/ 71438 h 71437"/>
                  <a:gd name="connsiteX1" fmla="*/ 81182 w 124845"/>
                  <a:gd name="connsiteY1" fmla="*/ 66485 h 71437"/>
                  <a:gd name="connsiteX2" fmla="*/ 66418 w 124845"/>
                  <a:gd name="connsiteY2" fmla="*/ 36957 h 71437"/>
                  <a:gd name="connsiteX3" fmla="*/ 60579 w 124845"/>
                  <a:gd name="connsiteY3" fmla="*/ 34890 h 71437"/>
                  <a:gd name="connsiteX4" fmla="*/ 58512 w 124845"/>
                  <a:gd name="connsiteY4" fmla="*/ 36957 h 71437"/>
                  <a:gd name="connsiteX5" fmla="*/ 43749 w 124845"/>
                  <a:gd name="connsiteY5" fmla="*/ 66485 h 71437"/>
                  <a:gd name="connsiteX6" fmla="*/ 35748 w 124845"/>
                  <a:gd name="connsiteY6" fmla="*/ 70866 h 71437"/>
                  <a:gd name="connsiteX7" fmla="*/ 27651 w 124845"/>
                  <a:gd name="connsiteY7" fmla="*/ 66485 h 71437"/>
                  <a:gd name="connsiteX8" fmla="*/ 982 w 124845"/>
                  <a:gd name="connsiteY8" fmla="*/ 13049 h 71437"/>
                  <a:gd name="connsiteX9" fmla="*/ 4887 w 124845"/>
                  <a:gd name="connsiteY9" fmla="*/ 1000 h 71437"/>
                  <a:gd name="connsiteX10" fmla="*/ 4982 w 124845"/>
                  <a:gd name="connsiteY10" fmla="*/ 953 h 71437"/>
                  <a:gd name="connsiteX11" fmla="*/ 8982 w 124845"/>
                  <a:gd name="connsiteY11" fmla="*/ 0 h 71437"/>
                  <a:gd name="connsiteX12" fmla="*/ 16983 w 124845"/>
                  <a:gd name="connsiteY12" fmla="*/ 4953 h 71437"/>
                  <a:gd name="connsiteX13" fmla="*/ 31842 w 124845"/>
                  <a:gd name="connsiteY13" fmla="*/ 34576 h 71437"/>
                  <a:gd name="connsiteX14" fmla="*/ 35748 w 124845"/>
                  <a:gd name="connsiteY14" fmla="*/ 36957 h 71437"/>
                  <a:gd name="connsiteX15" fmla="*/ 39653 w 124845"/>
                  <a:gd name="connsiteY15" fmla="*/ 34576 h 71437"/>
                  <a:gd name="connsiteX16" fmla="*/ 54417 w 124845"/>
                  <a:gd name="connsiteY16" fmla="*/ 4953 h 71437"/>
                  <a:gd name="connsiteX17" fmla="*/ 67561 w 124845"/>
                  <a:gd name="connsiteY17" fmla="*/ 2000 h 71437"/>
                  <a:gd name="connsiteX18" fmla="*/ 70514 w 124845"/>
                  <a:gd name="connsiteY18" fmla="*/ 4953 h 71437"/>
                  <a:gd name="connsiteX19" fmla="*/ 85278 w 124845"/>
                  <a:gd name="connsiteY19" fmla="*/ 34576 h 71437"/>
                  <a:gd name="connsiteX20" fmla="*/ 91336 w 124845"/>
                  <a:gd name="connsiteY20" fmla="*/ 36424 h 71437"/>
                  <a:gd name="connsiteX21" fmla="*/ 93183 w 124845"/>
                  <a:gd name="connsiteY21" fmla="*/ 34576 h 71437"/>
                  <a:gd name="connsiteX22" fmla="*/ 107947 w 124845"/>
                  <a:gd name="connsiteY22" fmla="*/ 4953 h 71437"/>
                  <a:gd name="connsiteX23" fmla="*/ 115948 w 124845"/>
                  <a:gd name="connsiteY23" fmla="*/ 0 h 71437"/>
                  <a:gd name="connsiteX24" fmla="*/ 120044 w 124845"/>
                  <a:gd name="connsiteY24" fmla="*/ 953 h 71437"/>
                  <a:gd name="connsiteX25" fmla="*/ 124044 w 124845"/>
                  <a:gd name="connsiteY25" fmla="*/ 13049 h 71437"/>
                  <a:gd name="connsiteX26" fmla="*/ 97279 w 124845"/>
                  <a:gd name="connsiteY26" fmla="*/ 66485 h 71437"/>
                  <a:gd name="connsiteX27" fmla="*/ 89183 w 124845"/>
                  <a:gd name="connsiteY27" fmla="*/ 71438 h 71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24845" h="71437">
                    <a:moveTo>
                      <a:pt x="89183" y="71438"/>
                    </a:moveTo>
                    <a:cubicBezTo>
                      <a:pt x="85783" y="71457"/>
                      <a:pt x="82677" y="69533"/>
                      <a:pt x="81182" y="66485"/>
                    </a:cubicBezTo>
                    <a:lnTo>
                      <a:pt x="66418" y="36957"/>
                    </a:lnTo>
                    <a:cubicBezTo>
                      <a:pt x="65370" y="34776"/>
                      <a:pt x="62761" y="33852"/>
                      <a:pt x="60579" y="34890"/>
                    </a:cubicBezTo>
                    <a:cubicBezTo>
                      <a:pt x="59674" y="35329"/>
                      <a:pt x="58941" y="36052"/>
                      <a:pt x="58512" y="36957"/>
                    </a:cubicBezTo>
                    <a:lnTo>
                      <a:pt x="43749" y="66485"/>
                    </a:lnTo>
                    <a:cubicBezTo>
                      <a:pt x="42129" y="69342"/>
                      <a:pt x="39034" y="71038"/>
                      <a:pt x="35748" y="70866"/>
                    </a:cubicBezTo>
                    <a:cubicBezTo>
                      <a:pt x="32443" y="71028"/>
                      <a:pt x="29318" y="69342"/>
                      <a:pt x="27651" y="66485"/>
                    </a:cubicBezTo>
                    <a:lnTo>
                      <a:pt x="982" y="13049"/>
                    </a:lnTo>
                    <a:cubicBezTo>
                      <a:pt x="-1266" y="8649"/>
                      <a:pt x="477" y="3248"/>
                      <a:pt x="4887" y="1000"/>
                    </a:cubicBezTo>
                    <a:cubicBezTo>
                      <a:pt x="4915" y="991"/>
                      <a:pt x="4944" y="972"/>
                      <a:pt x="4982" y="953"/>
                    </a:cubicBezTo>
                    <a:cubicBezTo>
                      <a:pt x="6230" y="343"/>
                      <a:pt x="7592" y="19"/>
                      <a:pt x="8982" y="0"/>
                    </a:cubicBezTo>
                    <a:cubicBezTo>
                      <a:pt x="12383" y="-19"/>
                      <a:pt x="15488" y="1905"/>
                      <a:pt x="16983" y="4953"/>
                    </a:cubicBezTo>
                    <a:lnTo>
                      <a:pt x="31842" y="34576"/>
                    </a:lnTo>
                    <a:cubicBezTo>
                      <a:pt x="32576" y="36052"/>
                      <a:pt x="34100" y="36986"/>
                      <a:pt x="35748" y="36957"/>
                    </a:cubicBezTo>
                    <a:cubicBezTo>
                      <a:pt x="37386" y="36938"/>
                      <a:pt x="38881" y="36024"/>
                      <a:pt x="39653" y="34576"/>
                    </a:cubicBezTo>
                    <a:lnTo>
                      <a:pt x="54417" y="4953"/>
                    </a:lnTo>
                    <a:cubicBezTo>
                      <a:pt x="57227" y="505"/>
                      <a:pt x="63113" y="-819"/>
                      <a:pt x="67561" y="2000"/>
                    </a:cubicBezTo>
                    <a:cubicBezTo>
                      <a:pt x="68752" y="2753"/>
                      <a:pt x="69761" y="3762"/>
                      <a:pt x="70514" y="4953"/>
                    </a:cubicBezTo>
                    <a:lnTo>
                      <a:pt x="85278" y="34576"/>
                    </a:lnTo>
                    <a:cubicBezTo>
                      <a:pt x="86440" y="36757"/>
                      <a:pt x="89145" y="37586"/>
                      <a:pt x="91336" y="36424"/>
                    </a:cubicBezTo>
                    <a:cubicBezTo>
                      <a:pt x="92117" y="36005"/>
                      <a:pt x="92764" y="35367"/>
                      <a:pt x="93183" y="34576"/>
                    </a:cubicBezTo>
                    <a:lnTo>
                      <a:pt x="107947" y="4953"/>
                    </a:lnTo>
                    <a:cubicBezTo>
                      <a:pt x="109443" y="1905"/>
                      <a:pt x="112548" y="-19"/>
                      <a:pt x="115948" y="0"/>
                    </a:cubicBezTo>
                    <a:cubicBezTo>
                      <a:pt x="117367" y="29"/>
                      <a:pt x="118758" y="352"/>
                      <a:pt x="120044" y="953"/>
                    </a:cubicBezTo>
                    <a:cubicBezTo>
                      <a:pt x="124273" y="3372"/>
                      <a:pt x="125997" y="8592"/>
                      <a:pt x="124044" y="13049"/>
                    </a:cubicBezTo>
                    <a:lnTo>
                      <a:pt x="97279" y="66485"/>
                    </a:lnTo>
                    <a:cubicBezTo>
                      <a:pt x="95650" y="69456"/>
                      <a:pt x="92574" y="71342"/>
                      <a:pt x="89183" y="71438"/>
                    </a:cubicBezTo>
                    <a:close/>
                  </a:path>
                </a:pathLst>
              </a:custGeom>
              <a:solidFill>
                <a:srgbClr val="265999"/>
              </a:solidFill>
              <a:ln w="9525" cap="flat">
                <a:noFill/>
                <a:prstDash val="solid"/>
                <a:miter/>
              </a:ln>
            </p:spPr>
            <p:txBody>
              <a:bodyPr rtlCol="0" anchor="ctr"/>
              <a:lstStyle/>
              <a:p>
                <a:endParaRPr lang="en-AU"/>
              </a:p>
            </p:txBody>
          </p:sp>
          <p:sp>
            <p:nvSpPr>
              <p:cNvPr id="80" name="Graphic 142">
                <a:extLst>
                  <a:ext uri="{FF2B5EF4-FFF2-40B4-BE49-F238E27FC236}">
                    <a16:creationId xmlns:a16="http://schemas.microsoft.com/office/drawing/2014/main" id="{49014A89-4134-49C0-A1EC-77E56640E206}"/>
                  </a:ext>
                </a:extLst>
              </p:cNvPr>
              <p:cNvSpPr/>
              <p:nvPr/>
            </p:nvSpPr>
            <p:spPr>
              <a:xfrm>
                <a:off x="2983961" y="3802534"/>
                <a:ext cx="152365" cy="206093"/>
              </a:xfrm>
              <a:custGeom>
                <a:avLst/>
                <a:gdLst>
                  <a:gd name="connsiteX0" fmla="*/ 76230 w 152365"/>
                  <a:gd name="connsiteY0" fmla="*/ 206093 h 206093"/>
                  <a:gd name="connsiteX1" fmla="*/ 40512 w 152365"/>
                  <a:gd name="connsiteY1" fmla="*/ 170375 h 206093"/>
                  <a:gd name="connsiteX2" fmla="*/ 36035 w 152365"/>
                  <a:gd name="connsiteY2" fmla="*/ 165993 h 206093"/>
                  <a:gd name="connsiteX3" fmla="*/ 29367 w 152365"/>
                  <a:gd name="connsiteY3" fmla="*/ 165993 h 206093"/>
                  <a:gd name="connsiteX4" fmla="*/ 11 w 152365"/>
                  <a:gd name="connsiteY4" fmla="*/ 138219 h 206093"/>
                  <a:gd name="connsiteX5" fmla="*/ 6317 w 152365"/>
                  <a:gd name="connsiteY5" fmla="*/ 119511 h 206093"/>
                  <a:gd name="connsiteX6" fmla="*/ 6317 w 152365"/>
                  <a:gd name="connsiteY6" fmla="*/ 114273 h 206093"/>
                  <a:gd name="connsiteX7" fmla="*/ 316 w 152365"/>
                  <a:gd name="connsiteY7" fmla="*/ 96842 h 206093"/>
                  <a:gd name="connsiteX8" fmla="*/ 29367 w 152365"/>
                  <a:gd name="connsiteY8" fmla="*/ 67791 h 206093"/>
                  <a:gd name="connsiteX9" fmla="*/ 36035 w 152365"/>
                  <a:gd name="connsiteY9" fmla="*/ 67791 h 206093"/>
                  <a:gd name="connsiteX10" fmla="*/ 40512 w 152365"/>
                  <a:gd name="connsiteY10" fmla="*/ 63504 h 206093"/>
                  <a:gd name="connsiteX11" fmla="*/ 40512 w 152365"/>
                  <a:gd name="connsiteY11" fmla="*/ 63409 h 206093"/>
                  <a:gd name="connsiteX12" fmla="*/ 40512 w 152365"/>
                  <a:gd name="connsiteY12" fmla="*/ 9974 h 206093"/>
                  <a:gd name="connsiteX13" fmla="*/ 49465 w 152365"/>
                  <a:gd name="connsiteY13" fmla="*/ 1020 h 206093"/>
                  <a:gd name="connsiteX14" fmla="*/ 58419 w 152365"/>
                  <a:gd name="connsiteY14" fmla="*/ 9974 h 206093"/>
                  <a:gd name="connsiteX15" fmla="*/ 58419 w 152365"/>
                  <a:gd name="connsiteY15" fmla="*/ 63409 h 206093"/>
                  <a:gd name="connsiteX16" fmla="*/ 62800 w 152365"/>
                  <a:gd name="connsiteY16" fmla="*/ 67791 h 206093"/>
                  <a:gd name="connsiteX17" fmla="*/ 89565 w 152365"/>
                  <a:gd name="connsiteY17" fmla="*/ 67791 h 206093"/>
                  <a:gd name="connsiteX18" fmla="*/ 93947 w 152365"/>
                  <a:gd name="connsiteY18" fmla="*/ 63409 h 206093"/>
                  <a:gd name="connsiteX19" fmla="*/ 93947 w 152365"/>
                  <a:gd name="connsiteY19" fmla="*/ 9974 h 206093"/>
                  <a:gd name="connsiteX20" fmla="*/ 102024 w 152365"/>
                  <a:gd name="connsiteY20" fmla="*/ 49 h 206093"/>
                  <a:gd name="connsiteX21" fmla="*/ 111949 w 152365"/>
                  <a:gd name="connsiteY21" fmla="*/ 8116 h 206093"/>
                  <a:gd name="connsiteX22" fmla="*/ 111949 w 152365"/>
                  <a:gd name="connsiteY22" fmla="*/ 9974 h 206093"/>
                  <a:gd name="connsiteX23" fmla="*/ 111949 w 152365"/>
                  <a:gd name="connsiteY23" fmla="*/ 63409 h 206093"/>
                  <a:gd name="connsiteX24" fmla="*/ 116140 w 152365"/>
                  <a:gd name="connsiteY24" fmla="*/ 67791 h 206093"/>
                  <a:gd name="connsiteX25" fmla="*/ 116331 w 152365"/>
                  <a:gd name="connsiteY25" fmla="*/ 67791 h 206093"/>
                  <a:gd name="connsiteX26" fmla="*/ 122998 w 152365"/>
                  <a:gd name="connsiteY26" fmla="*/ 67791 h 206093"/>
                  <a:gd name="connsiteX27" fmla="*/ 152049 w 152365"/>
                  <a:gd name="connsiteY27" fmla="*/ 96842 h 206093"/>
                  <a:gd name="connsiteX28" fmla="*/ 146048 w 152365"/>
                  <a:gd name="connsiteY28" fmla="*/ 114273 h 206093"/>
                  <a:gd name="connsiteX29" fmla="*/ 146048 w 152365"/>
                  <a:gd name="connsiteY29" fmla="*/ 119511 h 206093"/>
                  <a:gd name="connsiteX30" fmla="*/ 141705 w 152365"/>
                  <a:gd name="connsiteY30" fmla="*/ 159688 h 206093"/>
                  <a:gd name="connsiteX31" fmla="*/ 122998 w 152365"/>
                  <a:gd name="connsiteY31" fmla="*/ 165993 h 206093"/>
                  <a:gd name="connsiteX32" fmla="*/ 116331 w 152365"/>
                  <a:gd name="connsiteY32" fmla="*/ 165993 h 206093"/>
                  <a:gd name="connsiteX33" fmla="*/ 111949 w 152365"/>
                  <a:gd name="connsiteY33" fmla="*/ 170375 h 206093"/>
                  <a:gd name="connsiteX34" fmla="*/ 76230 w 152365"/>
                  <a:gd name="connsiteY34" fmla="*/ 206093 h 206093"/>
                  <a:gd name="connsiteX35" fmla="*/ 62800 w 152365"/>
                  <a:gd name="connsiteY35" fmla="*/ 165993 h 206093"/>
                  <a:gd name="connsiteX36" fmla="*/ 58419 w 152365"/>
                  <a:gd name="connsiteY36" fmla="*/ 170375 h 206093"/>
                  <a:gd name="connsiteX37" fmla="*/ 74878 w 152365"/>
                  <a:gd name="connsiteY37" fmla="*/ 189444 h 206093"/>
                  <a:gd name="connsiteX38" fmla="*/ 93947 w 152365"/>
                  <a:gd name="connsiteY38" fmla="*/ 172975 h 206093"/>
                  <a:gd name="connsiteX39" fmla="*/ 93947 w 152365"/>
                  <a:gd name="connsiteY39" fmla="*/ 170375 h 206093"/>
                  <a:gd name="connsiteX40" fmla="*/ 89565 w 152365"/>
                  <a:gd name="connsiteY40" fmla="*/ 165993 h 206093"/>
                  <a:gd name="connsiteX41" fmla="*/ 29367 w 152365"/>
                  <a:gd name="connsiteY41" fmla="*/ 125893 h 206093"/>
                  <a:gd name="connsiteX42" fmla="*/ 18318 w 152365"/>
                  <a:gd name="connsiteY42" fmla="*/ 136942 h 206093"/>
                  <a:gd name="connsiteX43" fmla="*/ 29367 w 152365"/>
                  <a:gd name="connsiteY43" fmla="*/ 147991 h 206093"/>
                  <a:gd name="connsiteX44" fmla="*/ 122998 w 152365"/>
                  <a:gd name="connsiteY44" fmla="*/ 147991 h 206093"/>
                  <a:gd name="connsiteX45" fmla="*/ 134047 w 152365"/>
                  <a:gd name="connsiteY45" fmla="*/ 136942 h 206093"/>
                  <a:gd name="connsiteX46" fmla="*/ 122998 w 152365"/>
                  <a:gd name="connsiteY46" fmla="*/ 125893 h 206093"/>
                  <a:gd name="connsiteX47" fmla="*/ 29367 w 152365"/>
                  <a:gd name="connsiteY47" fmla="*/ 85793 h 206093"/>
                  <a:gd name="connsiteX48" fmla="*/ 18318 w 152365"/>
                  <a:gd name="connsiteY48" fmla="*/ 96842 h 206093"/>
                  <a:gd name="connsiteX49" fmla="*/ 29367 w 152365"/>
                  <a:gd name="connsiteY49" fmla="*/ 107891 h 206093"/>
                  <a:gd name="connsiteX50" fmla="*/ 122998 w 152365"/>
                  <a:gd name="connsiteY50" fmla="*/ 107891 h 206093"/>
                  <a:gd name="connsiteX51" fmla="*/ 134047 w 152365"/>
                  <a:gd name="connsiteY51" fmla="*/ 96842 h 206093"/>
                  <a:gd name="connsiteX52" fmla="*/ 122998 w 152365"/>
                  <a:gd name="connsiteY52" fmla="*/ 85793 h 2060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52365" h="206093">
                    <a:moveTo>
                      <a:pt x="76230" y="206093"/>
                    </a:moveTo>
                    <a:cubicBezTo>
                      <a:pt x="56504" y="206093"/>
                      <a:pt x="40512" y="190101"/>
                      <a:pt x="40512" y="170375"/>
                    </a:cubicBezTo>
                    <a:cubicBezTo>
                      <a:pt x="40464" y="167937"/>
                      <a:pt x="38473" y="165993"/>
                      <a:pt x="36035" y="165993"/>
                    </a:cubicBezTo>
                    <a:lnTo>
                      <a:pt x="29367" y="165993"/>
                    </a:lnTo>
                    <a:cubicBezTo>
                      <a:pt x="13594" y="166431"/>
                      <a:pt x="449" y="153992"/>
                      <a:pt x="11" y="138219"/>
                    </a:cubicBezTo>
                    <a:cubicBezTo>
                      <a:pt x="-179" y="131437"/>
                      <a:pt x="2059" y="124798"/>
                      <a:pt x="6317" y="119511"/>
                    </a:cubicBezTo>
                    <a:cubicBezTo>
                      <a:pt x="7441" y="117949"/>
                      <a:pt x="7441" y="115835"/>
                      <a:pt x="6317" y="114273"/>
                    </a:cubicBezTo>
                    <a:cubicBezTo>
                      <a:pt x="2450" y="109281"/>
                      <a:pt x="335" y="103157"/>
                      <a:pt x="316" y="96842"/>
                    </a:cubicBezTo>
                    <a:cubicBezTo>
                      <a:pt x="364" y="80821"/>
                      <a:pt x="13346" y="67838"/>
                      <a:pt x="29367" y="67791"/>
                    </a:cubicBezTo>
                    <a:lnTo>
                      <a:pt x="36035" y="67791"/>
                    </a:lnTo>
                    <a:cubicBezTo>
                      <a:pt x="38454" y="67848"/>
                      <a:pt x="40454" y="65924"/>
                      <a:pt x="40512" y="63504"/>
                    </a:cubicBezTo>
                    <a:cubicBezTo>
                      <a:pt x="40512" y="63476"/>
                      <a:pt x="40512" y="63438"/>
                      <a:pt x="40512" y="63409"/>
                    </a:cubicBezTo>
                    <a:lnTo>
                      <a:pt x="40512" y="9974"/>
                    </a:lnTo>
                    <a:cubicBezTo>
                      <a:pt x="40512" y="5030"/>
                      <a:pt x="44522" y="1020"/>
                      <a:pt x="49465" y="1020"/>
                    </a:cubicBezTo>
                    <a:cubicBezTo>
                      <a:pt x="54408" y="1020"/>
                      <a:pt x="58419" y="5030"/>
                      <a:pt x="58419" y="9974"/>
                    </a:cubicBezTo>
                    <a:lnTo>
                      <a:pt x="58419" y="63409"/>
                    </a:lnTo>
                    <a:cubicBezTo>
                      <a:pt x="58419" y="65828"/>
                      <a:pt x="60381" y="67791"/>
                      <a:pt x="62800" y="67791"/>
                    </a:cubicBezTo>
                    <a:lnTo>
                      <a:pt x="89565" y="67791"/>
                    </a:lnTo>
                    <a:cubicBezTo>
                      <a:pt x="91985" y="67791"/>
                      <a:pt x="93947" y="65828"/>
                      <a:pt x="93947" y="63409"/>
                    </a:cubicBezTo>
                    <a:lnTo>
                      <a:pt x="93947" y="9974"/>
                    </a:lnTo>
                    <a:cubicBezTo>
                      <a:pt x="93432" y="5002"/>
                      <a:pt x="97052" y="554"/>
                      <a:pt x="102024" y="49"/>
                    </a:cubicBezTo>
                    <a:cubicBezTo>
                      <a:pt x="106996" y="-465"/>
                      <a:pt x="111435" y="3145"/>
                      <a:pt x="111949" y="8116"/>
                    </a:cubicBezTo>
                    <a:cubicBezTo>
                      <a:pt x="112016" y="8735"/>
                      <a:pt x="112016" y="9355"/>
                      <a:pt x="111949" y="9974"/>
                    </a:cubicBezTo>
                    <a:lnTo>
                      <a:pt x="111949" y="63409"/>
                    </a:lnTo>
                    <a:cubicBezTo>
                      <a:pt x="111892" y="65771"/>
                      <a:pt x="113768" y="67733"/>
                      <a:pt x="116140" y="67791"/>
                    </a:cubicBezTo>
                    <a:cubicBezTo>
                      <a:pt x="116207" y="67791"/>
                      <a:pt x="116264" y="67791"/>
                      <a:pt x="116331" y="67791"/>
                    </a:cubicBezTo>
                    <a:lnTo>
                      <a:pt x="122998" y="67791"/>
                    </a:lnTo>
                    <a:cubicBezTo>
                      <a:pt x="139019" y="67838"/>
                      <a:pt x="152002" y="80821"/>
                      <a:pt x="152049" y="96842"/>
                    </a:cubicBezTo>
                    <a:cubicBezTo>
                      <a:pt x="152030" y="103157"/>
                      <a:pt x="149916" y="109281"/>
                      <a:pt x="146048" y="114273"/>
                    </a:cubicBezTo>
                    <a:cubicBezTo>
                      <a:pt x="144925" y="115835"/>
                      <a:pt x="144925" y="117949"/>
                      <a:pt x="146048" y="119511"/>
                    </a:cubicBezTo>
                    <a:cubicBezTo>
                      <a:pt x="155945" y="131808"/>
                      <a:pt x="154002" y="149791"/>
                      <a:pt x="141705" y="159688"/>
                    </a:cubicBezTo>
                    <a:cubicBezTo>
                      <a:pt x="136419" y="163945"/>
                      <a:pt x="129789" y="166184"/>
                      <a:pt x="122998" y="165993"/>
                    </a:cubicBezTo>
                    <a:lnTo>
                      <a:pt x="116331" y="165993"/>
                    </a:lnTo>
                    <a:cubicBezTo>
                      <a:pt x="113911" y="165993"/>
                      <a:pt x="111949" y="167955"/>
                      <a:pt x="111949" y="170375"/>
                    </a:cubicBezTo>
                    <a:cubicBezTo>
                      <a:pt x="111901" y="190082"/>
                      <a:pt x="95938" y="206037"/>
                      <a:pt x="76230" y="206093"/>
                    </a:cubicBezTo>
                    <a:close/>
                    <a:moveTo>
                      <a:pt x="62800" y="165993"/>
                    </a:moveTo>
                    <a:cubicBezTo>
                      <a:pt x="60400" y="166041"/>
                      <a:pt x="58466" y="167975"/>
                      <a:pt x="58419" y="170375"/>
                    </a:cubicBezTo>
                    <a:cubicBezTo>
                      <a:pt x="57704" y="180185"/>
                      <a:pt x="65067" y="188720"/>
                      <a:pt x="74878" y="189444"/>
                    </a:cubicBezTo>
                    <a:cubicBezTo>
                      <a:pt x="84688" y="190158"/>
                      <a:pt x="93232" y="182786"/>
                      <a:pt x="93947" y="172975"/>
                    </a:cubicBezTo>
                    <a:cubicBezTo>
                      <a:pt x="94013" y="172108"/>
                      <a:pt x="94013" y="171242"/>
                      <a:pt x="93947" y="170375"/>
                    </a:cubicBezTo>
                    <a:cubicBezTo>
                      <a:pt x="93899" y="167975"/>
                      <a:pt x="91966" y="166041"/>
                      <a:pt x="89565" y="165993"/>
                    </a:cubicBezTo>
                    <a:close/>
                    <a:moveTo>
                      <a:pt x="29367" y="125893"/>
                    </a:moveTo>
                    <a:cubicBezTo>
                      <a:pt x="23262" y="125893"/>
                      <a:pt x="18318" y="130836"/>
                      <a:pt x="18318" y="136942"/>
                    </a:cubicBezTo>
                    <a:cubicBezTo>
                      <a:pt x="18318" y="143048"/>
                      <a:pt x="23262" y="147991"/>
                      <a:pt x="29367" y="147991"/>
                    </a:cubicBezTo>
                    <a:lnTo>
                      <a:pt x="122998" y="147991"/>
                    </a:lnTo>
                    <a:cubicBezTo>
                      <a:pt x="129104" y="147991"/>
                      <a:pt x="134047" y="143048"/>
                      <a:pt x="134047" y="136942"/>
                    </a:cubicBezTo>
                    <a:cubicBezTo>
                      <a:pt x="134047" y="130836"/>
                      <a:pt x="129104" y="125893"/>
                      <a:pt x="122998" y="125893"/>
                    </a:cubicBezTo>
                    <a:close/>
                    <a:moveTo>
                      <a:pt x="29367" y="85793"/>
                    </a:moveTo>
                    <a:cubicBezTo>
                      <a:pt x="23262" y="85793"/>
                      <a:pt x="18318" y="90736"/>
                      <a:pt x="18318" y="96842"/>
                    </a:cubicBezTo>
                    <a:cubicBezTo>
                      <a:pt x="18318" y="102947"/>
                      <a:pt x="23262" y="107891"/>
                      <a:pt x="29367" y="107891"/>
                    </a:cubicBezTo>
                    <a:lnTo>
                      <a:pt x="122998" y="107891"/>
                    </a:lnTo>
                    <a:cubicBezTo>
                      <a:pt x="129104" y="107891"/>
                      <a:pt x="134047" y="102947"/>
                      <a:pt x="134047" y="96842"/>
                    </a:cubicBezTo>
                    <a:cubicBezTo>
                      <a:pt x="134047" y="90736"/>
                      <a:pt x="129104" y="85793"/>
                      <a:pt x="122998" y="85793"/>
                    </a:cubicBezTo>
                    <a:close/>
                  </a:path>
                </a:pathLst>
              </a:custGeom>
              <a:solidFill>
                <a:srgbClr val="265999"/>
              </a:solidFill>
              <a:ln w="9525" cap="flat">
                <a:noFill/>
                <a:prstDash val="solid"/>
                <a:miter/>
              </a:ln>
            </p:spPr>
            <p:txBody>
              <a:bodyPr rtlCol="0" anchor="ctr"/>
              <a:lstStyle/>
              <a:p>
                <a:endParaRPr lang="en-AU"/>
              </a:p>
            </p:txBody>
          </p:sp>
          <p:sp>
            <p:nvSpPr>
              <p:cNvPr id="81" name="Graphic 142">
                <a:extLst>
                  <a:ext uri="{FF2B5EF4-FFF2-40B4-BE49-F238E27FC236}">
                    <a16:creationId xmlns:a16="http://schemas.microsoft.com/office/drawing/2014/main" id="{D9C5CF02-C558-46F8-96EC-EE25F5C87F0D}"/>
                  </a:ext>
                </a:extLst>
              </p:cNvPr>
              <p:cNvSpPr/>
              <p:nvPr/>
            </p:nvSpPr>
            <p:spPr>
              <a:xfrm>
                <a:off x="3215572" y="3599054"/>
                <a:ext cx="44604" cy="44765"/>
              </a:xfrm>
              <a:custGeom>
                <a:avLst/>
                <a:gdLst>
                  <a:gd name="connsiteX0" fmla="*/ 8926 w 44604"/>
                  <a:gd name="connsiteY0" fmla="*/ 44766 h 44765"/>
                  <a:gd name="connsiteX1" fmla="*/ 1 w 44604"/>
                  <a:gd name="connsiteY1" fmla="*/ 35593 h 44765"/>
                  <a:gd name="connsiteX2" fmla="*/ 2544 w 44604"/>
                  <a:gd name="connsiteY2" fmla="*/ 29430 h 44765"/>
                  <a:gd name="connsiteX3" fmla="*/ 29309 w 44604"/>
                  <a:gd name="connsiteY3" fmla="*/ 2665 h 44765"/>
                  <a:gd name="connsiteX4" fmla="*/ 41835 w 44604"/>
                  <a:gd name="connsiteY4" fmla="*/ 2522 h 44765"/>
                  <a:gd name="connsiteX5" fmla="*/ 41978 w 44604"/>
                  <a:gd name="connsiteY5" fmla="*/ 2665 h 44765"/>
                  <a:gd name="connsiteX6" fmla="*/ 41987 w 44604"/>
                  <a:gd name="connsiteY6" fmla="*/ 15324 h 44765"/>
                  <a:gd name="connsiteX7" fmla="*/ 41978 w 44604"/>
                  <a:gd name="connsiteY7" fmla="*/ 15333 h 44765"/>
                  <a:gd name="connsiteX8" fmla="*/ 15212 w 44604"/>
                  <a:gd name="connsiteY8" fmla="*/ 42099 h 44765"/>
                  <a:gd name="connsiteX9" fmla="*/ 8926 w 44604"/>
                  <a:gd name="connsiteY9" fmla="*/ 44766 h 447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4604" h="44765">
                    <a:moveTo>
                      <a:pt x="8926" y="44766"/>
                    </a:moveTo>
                    <a:cubicBezTo>
                      <a:pt x="3925" y="44699"/>
                      <a:pt x="-66" y="40584"/>
                      <a:pt x="1" y="35593"/>
                    </a:cubicBezTo>
                    <a:cubicBezTo>
                      <a:pt x="39" y="33288"/>
                      <a:pt x="944" y="31088"/>
                      <a:pt x="2544" y="29430"/>
                    </a:cubicBezTo>
                    <a:lnTo>
                      <a:pt x="29309" y="2665"/>
                    </a:lnTo>
                    <a:cubicBezTo>
                      <a:pt x="32729" y="-830"/>
                      <a:pt x="38339" y="-897"/>
                      <a:pt x="41835" y="2522"/>
                    </a:cubicBezTo>
                    <a:cubicBezTo>
                      <a:pt x="41882" y="2570"/>
                      <a:pt x="41930" y="2618"/>
                      <a:pt x="41978" y="2665"/>
                    </a:cubicBezTo>
                    <a:cubicBezTo>
                      <a:pt x="45473" y="6161"/>
                      <a:pt x="45483" y="11828"/>
                      <a:pt x="41987" y="15324"/>
                    </a:cubicBezTo>
                    <a:cubicBezTo>
                      <a:pt x="41978" y="15333"/>
                      <a:pt x="41978" y="15333"/>
                      <a:pt x="41978" y="15333"/>
                    </a:cubicBezTo>
                    <a:lnTo>
                      <a:pt x="15212" y="42099"/>
                    </a:lnTo>
                    <a:cubicBezTo>
                      <a:pt x="13565" y="43804"/>
                      <a:pt x="11298" y="44766"/>
                      <a:pt x="8926" y="44766"/>
                    </a:cubicBezTo>
                    <a:close/>
                  </a:path>
                </a:pathLst>
              </a:custGeom>
              <a:solidFill>
                <a:srgbClr val="265999"/>
              </a:solidFill>
              <a:ln w="9525" cap="flat">
                <a:noFill/>
                <a:prstDash val="solid"/>
                <a:miter/>
              </a:ln>
            </p:spPr>
            <p:txBody>
              <a:bodyPr rtlCol="0" anchor="ctr"/>
              <a:lstStyle/>
              <a:p>
                <a:endParaRPr lang="en-AU"/>
              </a:p>
            </p:txBody>
          </p:sp>
          <p:sp>
            <p:nvSpPr>
              <p:cNvPr id="82" name="Graphic 142">
                <a:extLst>
                  <a:ext uri="{FF2B5EF4-FFF2-40B4-BE49-F238E27FC236}">
                    <a16:creationId xmlns:a16="http://schemas.microsoft.com/office/drawing/2014/main" id="{AD8C20FA-B0FB-489D-A835-3B76E1732AFD}"/>
                  </a:ext>
                </a:extLst>
              </p:cNvPr>
              <p:cNvSpPr/>
              <p:nvPr/>
            </p:nvSpPr>
            <p:spPr>
              <a:xfrm>
                <a:off x="2859826" y="3599045"/>
                <a:ext cx="44686" cy="44775"/>
              </a:xfrm>
              <a:custGeom>
                <a:avLst/>
                <a:gdLst>
                  <a:gd name="connsiteX0" fmla="*/ 35774 w 44686"/>
                  <a:gd name="connsiteY0" fmla="*/ 44775 h 44775"/>
                  <a:gd name="connsiteX1" fmla="*/ 29392 w 44686"/>
                  <a:gd name="connsiteY1" fmla="*/ 42108 h 44775"/>
                  <a:gd name="connsiteX2" fmla="*/ 2627 w 44686"/>
                  <a:gd name="connsiteY2" fmla="*/ 15343 h 44775"/>
                  <a:gd name="connsiteX3" fmla="*/ 2617 w 44686"/>
                  <a:gd name="connsiteY3" fmla="*/ 2684 h 44775"/>
                  <a:gd name="connsiteX4" fmla="*/ 2627 w 44686"/>
                  <a:gd name="connsiteY4" fmla="*/ 2674 h 44775"/>
                  <a:gd name="connsiteX5" fmla="*/ 15285 w 44686"/>
                  <a:gd name="connsiteY5" fmla="*/ 2570 h 44775"/>
                  <a:gd name="connsiteX6" fmla="*/ 15390 w 44686"/>
                  <a:gd name="connsiteY6" fmla="*/ 2674 h 44775"/>
                  <a:gd name="connsiteX7" fmla="*/ 42060 w 44686"/>
                  <a:gd name="connsiteY7" fmla="*/ 29440 h 44775"/>
                  <a:gd name="connsiteX8" fmla="*/ 42070 w 44686"/>
                  <a:gd name="connsiteY8" fmla="*/ 42098 h 44775"/>
                  <a:gd name="connsiteX9" fmla="*/ 42060 w 44686"/>
                  <a:gd name="connsiteY9" fmla="*/ 42108 h 44775"/>
                  <a:gd name="connsiteX10" fmla="*/ 35774 w 44686"/>
                  <a:gd name="connsiteY10" fmla="*/ 44775 h 44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4686" h="44775">
                    <a:moveTo>
                      <a:pt x="35774" y="44775"/>
                    </a:moveTo>
                    <a:cubicBezTo>
                      <a:pt x="33373" y="44785"/>
                      <a:pt x="31068" y="43822"/>
                      <a:pt x="29392" y="42108"/>
                    </a:cubicBezTo>
                    <a:lnTo>
                      <a:pt x="2627" y="15343"/>
                    </a:lnTo>
                    <a:cubicBezTo>
                      <a:pt x="-869" y="11847"/>
                      <a:pt x="-879" y="6180"/>
                      <a:pt x="2617" y="2684"/>
                    </a:cubicBezTo>
                    <a:cubicBezTo>
                      <a:pt x="2627" y="2674"/>
                      <a:pt x="2627" y="2674"/>
                      <a:pt x="2627" y="2674"/>
                    </a:cubicBezTo>
                    <a:cubicBezTo>
                      <a:pt x="6094" y="-850"/>
                      <a:pt x="11761" y="-897"/>
                      <a:pt x="15285" y="2570"/>
                    </a:cubicBezTo>
                    <a:cubicBezTo>
                      <a:pt x="15323" y="2608"/>
                      <a:pt x="15352" y="2636"/>
                      <a:pt x="15390" y="2674"/>
                    </a:cubicBezTo>
                    <a:lnTo>
                      <a:pt x="42060" y="29440"/>
                    </a:lnTo>
                    <a:cubicBezTo>
                      <a:pt x="45556" y="32935"/>
                      <a:pt x="45565" y="38603"/>
                      <a:pt x="42070" y="42098"/>
                    </a:cubicBezTo>
                    <a:cubicBezTo>
                      <a:pt x="42060" y="42108"/>
                      <a:pt x="42060" y="42108"/>
                      <a:pt x="42060" y="42108"/>
                    </a:cubicBezTo>
                    <a:cubicBezTo>
                      <a:pt x="40412" y="43813"/>
                      <a:pt x="38145" y="44775"/>
                      <a:pt x="35774" y="44775"/>
                    </a:cubicBezTo>
                    <a:close/>
                  </a:path>
                </a:pathLst>
              </a:custGeom>
              <a:solidFill>
                <a:srgbClr val="265999"/>
              </a:solidFill>
              <a:ln w="9525" cap="flat">
                <a:noFill/>
                <a:prstDash val="solid"/>
                <a:miter/>
              </a:ln>
            </p:spPr>
            <p:txBody>
              <a:bodyPr rtlCol="0" anchor="ctr"/>
              <a:lstStyle/>
              <a:p>
                <a:endParaRPr lang="en-AU"/>
              </a:p>
            </p:txBody>
          </p:sp>
          <p:sp>
            <p:nvSpPr>
              <p:cNvPr id="83" name="Graphic 142">
                <a:extLst>
                  <a:ext uri="{FF2B5EF4-FFF2-40B4-BE49-F238E27FC236}">
                    <a16:creationId xmlns:a16="http://schemas.microsoft.com/office/drawing/2014/main" id="{8AD2AD5D-2875-42D5-B284-7754459A4181}"/>
                  </a:ext>
                </a:extLst>
              </p:cNvPr>
              <p:cNvSpPr/>
              <p:nvPr/>
            </p:nvSpPr>
            <p:spPr>
              <a:xfrm>
                <a:off x="2860112" y="3834079"/>
                <a:ext cx="44681" cy="44722"/>
              </a:xfrm>
              <a:custGeom>
                <a:avLst/>
                <a:gdLst>
                  <a:gd name="connsiteX0" fmla="*/ 9008 w 44681"/>
                  <a:gd name="connsiteY0" fmla="*/ 44722 h 44722"/>
                  <a:gd name="connsiteX1" fmla="*/ 2627 w 44681"/>
                  <a:gd name="connsiteY1" fmla="*/ 42055 h 44722"/>
                  <a:gd name="connsiteX2" fmla="*/ 2617 w 44681"/>
                  <a:gd name="connsiteY2" fmla="*/ 29397 h 44722"/>
                  <a:gd name="connsiteX3" fmla="*/ 2627 w 44681"/>
                  <a:gd name="connsiteY3" fmla="*/ 29387 h 44722"/>
                  <a:gd name="connsiteX4" fmla="*/ 29392 w 44681"/>
                  <a:gd name="connsiteY4" fmla="*/ 2622 h 44722"/>
                  <a:gd name="connsiteX5" fmla="*/ 42060 w 44681"/>
                  <a:gd name="connsiteY5" fmla="*/ 2622 h 44722"/>
                  <a:gd name="connsiteX6" fmla="*/ 42060 w 44681"/>
                  <a:gd name="connsiteY6" fmla="*/ 15290 h 44722"/>
                  <a:gd name="connsiteX7" fmla="*/ 15390 w 44681"/>
                  <a:gd name="connsiteY7" fmla="*/ 42055 h 44722"/>
                  <a:gd name="connsiteX8" fmla="*/ 9008 w 44681"/>
                  <a:gd name="connsiteY8" fmla="*/ 44722 h 44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681" h="44722">
                    <a:moveTo>
                      <a:pt x="9008" y="44722"/>
                    </a:moveTo>
                    <a:cubicBezTo>
                      <a:pt x="6617" y="44665"/>
                      <a:pt x="4341" y="43713"/>
                      <a:pt x="2627" y="42055"/>
                    </a:cubicBezTo>
                    <a:cubicBezTo>
                      <a:pt x="-869" y="38560"/>
                      <a:pt x="-879" y="32892"/>
                      <a:pt x="2617" y="29397"/>
                    </a:cubicBezTo>
                    <a:cubicBezTo>
                      <a:pt x="2627" y="29387"/>
                      <a:pt x="2627" y="29387"/>
                      <a:pt x="2627" y="29387"/>
                    </a:cubicBezTo>
                    <a:lnTo>
                      <a:pt x="29392" y="2622"/>
                    </a:lnTo>
                    <a:cubicBezTo>
                      <a:pt x="32887" y="-874"/>
                      <a:pt x="38564" y="-874"/>
                      <a:pt x="42060" y="2622"/>
                    </a:cubicBezTo>
                    <a:cubicBezTo>
                      <a:pt x="45556" y="6118"/>
                      <a:pt x="45556" y="11794"/>
                      <a:pt x="42060" y="15290"/>
                    </a:cubicBezTo>
                    <a:lnTo>
                      <a:pt x="15390" y="42055"/>
                    </a:lnTo>
                    <a:cubicBezTo>
                      <a:pt x="13676" y="43713"/>
                      <a:pt x="11399" y="44665"/>
                      <a:pt x="9008" y="44722"/>
                    </a:cubicBezTo>
                    <a:close/>
                  </a:path>
                </a:pathLst>
              </a:custGeom>
              <a:solidFill>
                <a:srgbClr val="265999"/>
              </a:solidFill>
              <a:ln w="9525" cap="flat">
                <a:noFill/>
                <a:prstDash val="solid"/>
                <a:miter/>
              </a:ln>
            </p:spPr>
            <p:txBody>
              <a:bodyPr rtlCol="0" anchor="ctr"/>
              <a:lstStyle/>
              <a:p>
                <a:endParaRPr lang="en-AU"/>
              </a:p>
            </p:txBody>
          </p:sp>
          <p:sp>
            <p:nvSpPr>
              <p:cNvPr id="84" name="Graphic 142">
                <a:extLst>
                  <a:ext uri="{FF2B5EF4-FFF2-40B4-BE49-F238E27FC236}">
                    <a16:creationId xmlns:a16="http://schemas.microsoft.com/office/drawing/2014/main" id="{3995F595-6DF6-42AD-A543-787BF911EE28}"/>
                  </a:ext>
                </a:extLst>
              </p:cNvPr>
              <p:cNvSpPr/>
              <p:nvPr/>
            </p:nvSpPr>
            <p:spPr>
              <a:xfrm>
                <a:off x="3215574" y="3834034"/>
                <a:ext cx="44517" cy="44767"/>
              </a:xfrm>
              <a:custGeom>
                <a:avLst/>
                <a:gdLst>
                  <a:gd name="connsiteX0" fmla="*/ 35594 w 44517"/>
                  <a:gd name="connsiteY0" fmla="*/ 44768 h 44767"/>
                  <a:gd name="connsiteX1" fmla="*/ 29308 w 44517"/>
                  <a:gd name="connsiteY1" fmla="*/ 42100 h 44767"/>
                  <a:gd name="connsiteX2" fmla="*/ 2542 w 44517"/>
                  <a:gd name="connsiteY2" fmla="*/ 15335 h 44767"/>
                  <a:gd name="connsiteX3" fmla="*/ 2761 w 44517"/>
                  <a:gd name="connsiteY3" fmla="*/ 2543 h 44767"/>
                  <a:gd name="connsiteX4" fmla="*/ 8924 w 44517"/>
                  <a:gd name="connsiteY4" fmla="*/ 0 h 44767"/>
                  <a:gd name="connsiteX5" fmla="*/ 15210 w 44517"/>
                  <a:gd name="connsiteY5" fmla="*/ 2667 h 44767"/>
                  <a:gd name="connsiteX6" fmla="*/ 41976 w 44517"/>
                  <a:gd name="connsiteY6" fmla="*/ 29432 h 44767"/>
                  <a:gd name="connsiteX7" fmla="*/ 41757 w 44517"/>
                  <a:gd name="connsiteY7" fmla="*/ 42224 h 44767"/>
                  <a:gd name="connsiteX8" fmla="*/ 35594 w 44517"/>
                  <a:gd name="connsiteY8" fmla="*/ 44768 h 44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517" h="44767">
                    <a:moveTo>
                      <a:pt x="35594" y="44768"/>
                    </a:moveTo>
                    <a:cubicBezTo>
                      <a:pt x="33222" y="44768"/>
                      <a:pt x="30955" y="43805"/>
                      <a:pt x="29308" y="42100"/>
                    </a:cubicBezTo>
                    <a:lnTo>
                      <a:pt x="2542" y="15335"/>
                    </a:lnTo>
                    <a:cubicBezTo>
                      <a:pt x="-934" y="11744"/>
                      <a:pt x="-830" y="6010"/>
                      <a:pt x="2761" y="2543"/>
                    </a:cubicBezTo>
                    <a:cubicBezTo>
                      <a:pt x="4419" y="943"/>
                      <a:pt x="6619" y="28"/>
                      <a:pt x="8924" y="0"/>
                    </a:cubicBezTo>
                    <a:cubicBezTo>
                      <a:pt x="11296" y="0"/>
                      <a:pt x="13563" y="962"/>
                      <a:pt x="15210" y="2667"/>
                    </a:cubicBezTo>
                    <a:lnTo>
                      <a:pt x="41976" y="29432"/>
                    </a:lnTo>
                    <a:cubicBezTo>
                      <a:pt x="45452" y="33023"/>
                      <a:pt x="45348" y="38757"/>
                      <a:pt x="41757" y="42224"/>
                    </a:cubicBezTo>
                    <a:cubicBezTo>
                      <a:pt x="40099" y="43824"/>
                      <a:pt x="37899" y="44739"/>
                      <a:pt x="35594" y="44768"/>
                    </a:cubicBezTo>
                    <a:close/>
                  </a:path>
                </a:pathLst>
              </a:custGeom>
              <a:solidFill>
                <a:srgbClr val="265999"/>
              </a:solidFill>
              <a:ln w="9525" cap="flat">
                <a:noFill/>
                <a:prstDash val="solid"/>
                <a:miter/>
              </a:ln>
            </p:spPr>
            <p:txBody>
              <a:bodyPr rtlCol="0" anchor="ctr"/>
              <a:lstStyle/>
              <a:p>
                <a:endParaRPr lang="en-AU"/>
              </a:p>
            </p:txBody>
          </p:sp>
        </p:grpSp>
        <p:grpSp>
          <p:nvGrpSpPr>
            <p:cNvPr id="85" name="Group 84">
              <a:extLst>
                <a:ext uri="{FF2B5EF4-FFF2-40B4-BE49-F238E27FC236}">
                  <a16:creationId xmlns:a16="http://schemas.microsoft.com/office/drawing/2014/main" id="{562CF1AE-ED1C-47AC-8851-B14F9FDDC242}"/>
                </a:ext>
              </a:extLst>
            </p:cNvPr>
            <p:cNvGrpSpPr/>
            <p:nvPr/>
          </p:nvGrpSpPr>
          <p:grpSpPr>
            <a:xfrm>
              <a:off x="6152812" y="2596627"/>
              <a:ext cx="419576" cy="419576"/>
              <a:chOff x="3183445" y="3589908"/>
              <a:chExt cx="419576" cy="419576"/>
            </a:xfrm>
          </p:grpSpPr>
          <p:sp>
            <p:nvSpPr>
              <p:cNvPr id="86" name="Graphic 2">
                <a:extLst>
                  <a:ext uri="{FF2B5EF4-FFF2-40B4-BE49-F238E27FC236}">
                    <a16:creationId xmlns:a16="http://schemas.microsoft.com/office/drawing/2014/main" id="{200F694B-145A-4418-B850-E76E162A71C8}"/>
                  </a:ext>
                </a:extLst>
              </p:cNvPr>
              <p:cNvSpPr/>
              <p:nvPr/>
            </p:nvSpPr>
            <p:spPr>
              <a:xfrm>
                <a:off x="3200400" y="3607816"/>
                <a:ext cx="254222" cy="211264"/>
              </a:xfrm>
              <a:custGeom>
                <a:avLst/>
                <a:gdLst>
                  <a:gd name="connsiteX0" fmla="*/ 110680 w 254222"/>
                  <a:gd name="connsiteY0" fmla="*/ 173927 h 211264"/>
                  <a:gd name="connsiteX1" fmla="*/ 126968 w 254222"/>
                  <a:gd name="connsiteY1" fmla="*/ 174688 h 211264"/>
                  <a:gd name="connsiteX2" fmla="*/ 254222 w 254222"/>
                  <a:gd name="connsiteY2" fmla="*/ 87344 h 211264"/>
                  <a:gd name="connsiteX3" fmla="*/ 126968 w 254222"/>
                  <a:gd name="connsiteY3" fmla="*/ 0 h 211264"/>
                  <a:gd name="connsiteX4" fmla="*/ 0 w 254222"/>
                  <a:gd name="connsiteY4" fmla="*/ 87344 h 211264"/>
                  <a:gd name="connsiteX5" fmla="*/ 49625 w 254222"/>
                  <a:gd name="connsiteY5" fmla="*/ 156400 h 211264"/>
                  <a:gd name="connsiteX6" fmla="*/ 54483 w 254222"/>
                  <a:gd name="connsiteY6" fmla="*/ 164402 h 211264"/>
                  <a:gd name="connsiteX7" fmla="*/ 54483 w 254222"/>
                  <a:gd name="connsiteY7" fmla="*/ 206788 h 211264"/>
                  <a:gd name="connsiteX8" fmla="*/ 57055 w 254222"/>
                  <a:gd name="connsiteY8" fmla="*/ 210788 h 211264"/>
                  <a:gd name="connsiteX9" fmla="*/ 58960 w 254222"/>
                  <a:gd name="connsiteY9" fmla="*/ 211264 h 211264"/>
                  <a:gd name="connsiteX10" fmla="*/ 61817 w 254222"/>
                  <a:gd name="connsiteY10" fmla="*/ 210217 h 211264"/>
                  <a:gd name="connsiteX11" fmla="*/ 104204 w 254222"/>
                  <a:gd name="connsiteY11" fmla="*/ 175927 h 211264"/>
                  <a:gd name="connsiteX12" fmla="*/ 110014 w 254222"/>
                  <a:gd name="connsiteY12" fmla="*/ 173927 h 2112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54222" h="211264">
                    <a:moveTo>
                      <a:pt x="110680" y="173927"/>
                    </a:moveTo>
                    <a:cubicBezTo>
                      <a:pt x="116777" y="174498"/>
                      <a:pt x="121920" y="174688"/>
                      <a:pt x="126968" y="174688"/>
                    </a:cubicBezTo>
                    <a:cubicBezTo>
                      <a:pt x="197168" y="174688"/>
                      <a:pt x="254222" y="135541"/>
                      <a:pt x="254222" y="87344"/>
                    </a:cubicBezTo>
                    <a:cubicBezTo>
                      <a:pt x="254222" y="39148"/>
                      <a:pt x="197072" y="0"/>
                      <a:pt x="126968" y="0"/>
                    </a:cubicBezTo>
                    <a:cubicBezTo>
                      <a:pt x="56864" y="0"/>
                      <a:pt x="0" y="39243"/>
                      <a:pt x="0" y="87344"/>
                    </a:cubicBezTo>
                    <a:cubicBezTo>
                      <a:pt x="0" y="114395"/>
                      <a:pt x="18097" y="139541"/>
                      <a:pt x="49625" y="156400"/>
                    </a:cubicBezTo>
                    <a:cubicBezTo>
                      <a:pt x="52635" y="157924"/>
                      <a:pt x="54521" y="161030"/>
                      <a:pt x="54483" y="164402"/>
                    </a:cubicBezTo>
                    <a:lnTo>
                      <a:pt x="54483" y="206788"/>
                    </a:lnTo>
                    <a:cubicBezTo>
                      <a:pt x="54483" y="208512"/>
                      <a:pt x="55483" y="210074"/>
                      <a:pt x="57055" y="210788"/>
                    </a:cubicBezTo>
                    <a:cubicBezTo>
                      <a:pt x="57645" y="211093"/>
                      <a:pt x="58293" y="211255"/>
                      <a:pt x="58960" y="211264"/>
                    </a:cubicBezTo>
                    <a:cubicBezTo>
                      <a:pt x="60007" y="211255"/>
                      <a:pt x="61008" y="210883"/>
                      <a:pt x="61817" y="210217"/>
                    </a:cubicBezTo>
                    <a:lnTo>
                      <a:pt x="104204" y="175927"/>
                    </a:lnTo>
                    <a:cubicBezTo>
                      <a:pt x="105870" y="174641"/>
                      <a:pt x="107909" y="173936"/>
                      <a:pt x="110014" y="173927"/>
                    </a:cubicBezTo>
                    <a:close/>
                  </a:path>
                </a:pathLst>
              </a:custGeom>
              <a:solidFill>
                <a:srgbClr val="C7E4F1"/>
              </a:solidFill>
              <a:ln w="9525" cap="flat">
                <a:noFill/>
                <a:prstDash val="solid"/>
                <a:miter/>
              </a:ln>
            </p:spPr>
            <p:txBody>
              <a:bodyPr rtlCol="0" anchor="ctr"/>
              <a:lstStyle/>
              <a:p>
                <a:endParaRPr lang="en-AU"/>
              </a:p>
            </p:txBody>
          </p:sp>
          <p:sp>
            <p:nvSpPr>
              <p:cNvPr id="87" name="Graphic 2">
                <a:extLst>
                  <a:ext uri="{FF2B5EF4-FFF2-40B4-BE49-F238E27FC236}">
                    <a16:creationId xmlns:a16="http://schemas.microsoft.com/office/drawing/2014/main" id="{71325B3C-43AD-4CB5-9CA5-12811395E29C}"/>
                  </a:ext>
                  <a:ext uri="{C183D7F6-B498-43B3-948B-1728B52AA6E4}">
                    <adec:decorative xmlns:adec="http://schemas.microsoft.com/office/drawing/2017/decorative" val="1"/>
                  </a:ext>
                </a:extLst>
              </p:cNvPr>
              <p:cNvSpPr/>
              <p:nvPr/>
            </p:nvSpPr>
            <p:spPr>
              <a:xfrm>
                <a:off x="3335464" y="3768788"/>
                <a:ext cx="249459" cy="207371"/>
              </a:xfrm>
              <a:custGeom>
                <a:avLst/>
                <a:gdLst>
                  <a:gd name="connsiteX0" fmla="*/ 141161 w 249459"/>
                  <a:gd name="connsiteY0" fmla="*/ 170688 h 207371"/>
                  <a:gd name="connsiteX1" fmla="*/ 146780 w 249459"/>
                  <a:gd name="connsiteY1" fmla="*/ 172688 h 207371"/>
                  <a:gd name="connsiteX2" fmla="*/ 188786 w 249459"/>
                  <a:gd name="connsiteY2" fmla="*/ 206312 h 207371"/>
                  <a:gd name="connsiteX3" fmla="*/ 191548 w 249459"/>
                  <a:gd name="connsiteY3" fmla="*/ 207264 h 207371"/>
                  <a:gd name="connsiteX4" fmla="*/ 193453 w 249459"/>
                  <a:gd name="connsiteY4" fmla="*/ 207264 h 207371"/>
                  <a:gd name="connsiteX5" fmla="*/ 195929 w 249459"/>
                  <a:gd name="connsiteY5" fmla="*/ 203263 h 207371"/>
                  <a:gd name="connsiteX6" fmla="*/ 195929 w 249459"/>
                  <a:gd name="connsiteY6" fmla="*/ 161544 h 207371"/>
                  <a:gd name="connsiteX7" fmla="*/ 200692 w 249459"/>
                  <a:gd name="connsiteY7" fmla="*/ 153638 h 207371"/>
                  <a:gd name="connsiteX8" fmla="*/ 249460 w 249459"/>
                  <a:gd name="connsiteY8" fmla="*/ 85725 h 207371"/>
                  <a:gd name="connsiteX9" fmla="*/ 124682 w 249459"/>
                  <a:gd name="connsiteY9" fmla="*/ 0 h 207371"/>
                  <a:gd name="connsiteX10" fmla="*/ 0 w 249459"/>
                  <a:gd name="connsiteY10" fmla="*/ 85725 h 207371"/>
                  <a:gd name="connsiteX11" fmla="*/ 124682 w 249459"/>
                  <a:gd name="connsiteY11" fmla="*/ 171450 h 207371"/>
                  <a:gd name="connsiteX12" fmla="*/ 140684 w 249459"/>
                  <a:gd name="connsiteY12" fmla="*/ 170688 h 2073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49459" h="207371">
                    <a:moveTo>
                      <a:pt x="141161" y="170688"/>
                    </a:moveTo>
                    <a:cubicBezTo>
                      <a:pt x="143199" y="170736"/>
                      <a:pt x="145171" y="171440"/>
                      <a:pt x="146780" y="172688"/>
                    </a:cubicBezTo>
                    <a:lnTo>
                      <a:pt x="188786" y="206312"/>
                    </a:lnTo>
                    <a:cubicBezTo>
                      <a:pt x="189567" y="206940"/>
                      <a:pt x="190548" y="207274"/>
                      <a:pt x="191548" y="207264"/>
                    </a:cubicBezTo>
                    <a:cubicBezTo>
                      <a:pt x="192176" y="207407"/>
                      <a:pt x="192824" y="207407"/>
                      <a:pt x="193453" y="207264"/>
                    </a:cubicBezTo>
                    <a:cubicBezTo>
                      <a:pt x="194967" y="206512"/>
                      <a:pt x="195929" y="204959"/>
                      <a:pt x="195929" y="203263"/>
                    </a:cubicBezTo>
                    <a:lnTo>
                      <a:pt x="195929" y="161544"/>
                    </a:lnTo>
                    <a:cubicBezTo>
                      <a:pt x="196053" y="158267"/>
                      <a:pt x="197844" y="155277"/>
                      <a:pt x="200692" y="153638"/>
                    </a:cubicBezTo>
                    <a:cubicBezTo>
                      <a:pt x="231648" y="137065"/>
                      <a:pt x="249460" y="112300"/>
                      <a:pt x="249460" y="85725"/>
                    </a:cubicBezTo>
                    <a:cubicBezTo>
                      <a:pt x="249460" y="38100"/>
                      <a:pt x="193453" y="0"/>
                      <a:pt x="124682" y="0"/>
                    </a:cubicBezTo>
                    <a:cubicBezTo>
                      <a:pt x="55912" y="0"/>
                      <a:pt x="0" y="38100"/>
                      <a:pt x="0" y="85725"/>
                    </a:cubicBezTo>
                    <a:cubicBezTo>
                      <a:pt x="0" y="133350"/>
                      <a:pt x="55912" y="171450"/>
                      <a:pt x="124682" y="171450"/>
                    </a:cubicBezTo>
                    <a:cubicBezTo>
                      <a:pt x="129635" y="171450"/>
                      <a:pt x="134779" y="171450"/>
                      <a:pt x="140684" y="170688"/>
                    </a:cubicBezTo>
                    <a:close/>
                  </a:path>
                </a:pathLst>
              </a:custGeom>
              <a:solidFill>
                <a:srgbClr val="66B9DA"/>
              </a:solidFill>
              <a:ln w="9525" cap="flat">
                <a:noFill/>
                <a:prstDash val="solid"/>
                <a:miter/>
              </a:ln>
            </p:spPr>
            <p:txBody>
              <a:bodyPr rtlCol="0" anchor="ctr"/>
              <a:lstStyle/>
              <a:p>
                <a:endParaRPr lang="en-AU"/>
              </a:p>
            </p:txBody>
          </p:sp>
          <p:sp>
            <p:nvSpPr>
              <p:cNvPr id="88" name="Graphic 2">
                <a:extLst>
                  <a:ext uri="{FF2B5EF4-FFF2-40B4-BE49-F238E27FC236}">
                    <a16:creationId xmlns:a16="http://schemas.microsoft.com/office/drawing/2014/main" id="{970255BB-88A1-4E3A-AAE2-04293A3DE398}"/>
                  </a:ext>
                </a:extLst>
              </p:cNvPr>
              <p:cNvSpPr/>
              <p:nvPr/>
            </p:nvSpPr>
            <p:spPr>
              <a:xfrm>
                <a:off x="3317271" y="3750786"/>
                <a:ext cx="285750" cy="258698"/>
              </a:xfrm>
              <a:custGeom>
                <a:avLst/>
                <a:gdLst>
                  <a:gd name="connsiteX0" fmla="*/ 222885 w 285750"/>
                  <a:gd name="connsiteY0" fmla="*/ 258223 h 258698"/>
                  <a:gd name="connsiteX1" fmla="*/ 217170 w 285750"/>
                  <a:gd name="connsiteY1" fmla="*/ 256127 h 258698"/>
                  <a:gd name="connsiteX2" fmla="*/ 157925 w 285750"/>
                  <a:gd name="connsiteY2" fmla="*/ 208502 h 258698"/>
                  <a:gd name="connsiteX3" fmla="*/ 155162 w 285750"/>
                  <a:gd name="connsiteY3" fmla="*/ 207550 h 258698"/>
                  <a:gd name="connsiteX4" fmla="*/ 155162 w 285750"/>
                  <a:gd name="connsiteY4" fmla="*/ 207550 h 258698"/>
                  <a:gd name="connsiteX5" fmla="*/ 142875 w 285750"/>
                  <a:gd name="connsiteY5" fmla="*/ 208026 h 258698"/>
                  <a:gd name="connsiteX6" fmla="*/ 0 w 285750"/>
                  <a:gd name="connsiteY6" fmla="*/ 104013 h 258698"/>
                  <a:gd name="connsiteX7" fmla="*/ 142875 w 285750"/>
                  <a:gd name="connsiteY7" fmla="*/ 0 h 258698"/>
                  <a:gd name="connsiteX8" fmla="*/ 285750 w 285750"/>
                  <a:gd name="connsiteY8" fmla="*/ 104013 h 258698"/>
                  <a:gd name="connsiteX9" fmla="*/ 234410 w 285750"/>
                  <a:gd name="connsiteY9" fmla="*/ 183928 h 258698"/>
                  <a:gd name="connsiteX10" fmla="*/ 232315 w 285750"/>
                  <a:gd name="connsiteY10" fmla="*/ 187642 h 258698"/>
                  <a:gd name="connsiteX11" fmla="*/ 232315 w 285750"/>
                  <a:gd name="connsiteY11" fmla="*/ 249650 h 258698"/>
                  <a:gd name="connsiteX12" fmla="*/ 223361 w 285750"/>
                  <a:gd name="connsiteY12" fmla="*/ 258699 h 258698"/>
                  <a:gd name="connsiteX13" fmla="*/ 159449 w 285750"/>
                  <a:gd name="connsiteY13" fmla="*/ 188690 h 258698"/>
                  <a:gd name="connsiteX14" fmla="*/ 165068 w 285750"/>
                  <a:gd name="connsiteY14" fmla="*/ 190690 h 258698"/>
                  <a:gd name="connsiteX15" fmla="*/ 206978 w 285750"/>
                  <a:gd name="connsiteY15" fmla="*/ 224314 h 258698"/>
                  <a:gd name="connsiteX16" fmla="*/ 209741 w 285750"/>
                  <a:gd name="connsiteY16" fmla="*/ 225266 h 258698"/>
                  <a:gd name="connsiteX17" fmla="*/ 211646 w 285750"/>
                  <a:gd name="connsiteY17" fmla="*/ 225266 h 258698"/>
                  <a:gd name="connsiteX18" fmla="*/ 214122 w 285750"/>
                  <a:gd name="connsiteY18" fmla="*/ 221266 h 258698"/>
                  <a:gd name="connsiteX19" fmla="*/ 214122 w 285750"/>
                  <a:gd name="connsiteY19" fmla="*/ 179546 h 258698"/>
                  <a:gd name="connsiteX20" fmla="*/ 218885 w 285750"/>
                  <a:gd name="connsiteY20" fmla="*/ 171640 h 258698"/>
                  <a:gd name="connsiteX21" fmla="*/ 267653 w 285750"/>
                  <a:gd name="connsiteY21" fmla="*/ 103727 h 258698"/>
                  <a:gd name="connsiteX22" fmla="*/ 142875 w 285750"/>
                  <a:gd name="connsiteY22" fmla="*/ 18002 h 258698"/>
                  <a:gd name="connsiteX23" fmla="*/ 18193 w 285750"/>
                  <a:gd name="connsiteY23" fmla="*/ 103727 h 258698"/>
                  <a:gd name="connsiteX24" fmla="*/ 142875 w 285750"/>
                  <a:gd name="connsiteY24" fmla="*/ 189452 h 258698"/>
                  <a:gd name="connsiteX25" fmla="*/ 158877 w 285750"/>
                  <a:gd name="connsiteY25" fmla="*/ 188690 h 2586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285750" h="258698">
                    <a:moveTo>
                      <a:pt x="222885" y="258223"/>
                    </a:moveTo>
                    <a:cubicBezTo>
                      <a:pt x="220790" y="258213"/>
                      <a:pt x="218770" y="257470"/>
                      <a:pt x="217170" y="256127"/>
                    </a:cubicBezTo>
                    <a:lnTo>
                      <a:pt x="157925" y="208502"/>
                    </a:lnTo>
                    <a:cubicBezTo>
                      <a:pt x="157153" y="207854"/>
                      <a:pt x="156172" y="207521"/>
                      <a:pt x="155162" y="207550"/>
                    </a:cubicBezTo>
                    <a:lnTo>
                      <a:pt x="155162" y="207550"/>
                    </a:lnTo>
                    <a:cubicBezTo>
                      <a:pt x="150781" y="207550"/>
                      <a:pt x="146780" y="208026"/>
                      <a:pt x="142875" y="208026"/>
                    </a:cubicBezTo>
                    <a:cubicBezTo>
                      <a:pt x="64199" y="208026"/>
                      <a:pt x="0" y="161354"/>
                      <a:pt x="0" y="104013"/>
                    </a:cubicBezTo>
                    <a:cubicBezTo>
                      <a:pt x="0" y="46672"/>
                      <a:pt x="64008" y="0"/>
                      <a:pt x="142875" y="0"/>
                    </a:cubicBezTo>
                    <a:cubicBezTo>
                      <a:pt x="221742" y="0"/>
                      <a:pt x="285750" y="46672"/>
                      <a:pt x="285750" y="104013"/>
                    </a:cubicBezTo>
                    <a:cubicBezTo>
                      <a:pt x="285750" y="135064"/>
                      <a:pt x="266700" y="164211"/>
                      <a:pt x="234410" y="183928"/>
                    </a:cubicBezTo>
                    <a:cubicBezTo>
                      <a:pt x="233086" y="184690"/>
                      <a:pt x="232286" y="186118"/>
                      <a:pt x="232315" y="187642"/>
                    </a:cubicBezTo>
                    <a:lnTo>
                      <a:pt x="232315" y="249650"/>
                    </a:lnTo>
                    <a:cubicBezTo>
                      <a:pt x="232077" y="254508"/>
                      <a:pt x="228219" y="258413"/>
                      <a:pt x="223361" y="258699"/>
                    </a:cubicBezTo>
                    <a:close/>
                    <a:moveTo>
                      <a:pt x="159449" y="188690"/>
                    </a:moveTo>
                    <a:cubicBezTo>
                      <a:pt x="161487" y="188738"/>
                      <a:pt x="163459" y="189443"/>
                      <a:pt x="165068" y="190690"/>
                    </a:cubicBezTo>
                    <a:lnTo>
                      <a:pt x="206978" y="224314"/>
                    </a:lnTo>
                    <a:cubicBezTo>
                      <a:pt x="207759" y="224942"/>
                      <a:pt x="208740" y="225276"/>
                      <a:pt x="209741" y="225266"/>
                    </a:cubicBezTo>
                    <a:cubicBezTo>
                      <a:pt x="210369" y="225409"/>
                      <a:pt x="211017" y="225409"/>
                      <a:pt x="211646" y="225266"/>
                    </a:cubicBezTo>
                    <a:cubicBezTo>
                      <a:pt x="213160" y="224514"/>
                      <a:pt x="214122" y="222961"/>
                      <a:pt x="214122" y="221266"/>
                    </a:cubicBezTo>
                    <a:lnTo>
                      <a:pt x="214122" y="179546"/>
                    </a:lnTo>
                    <a:cubicBezTo>
                      <a:pt x="214246" y="176269"/>
                      <a:pt x="216037" y="173279"/>
                      <a:pt x="218885" y="171640"/>
                    </a:cubicBezTo>
                    <a:cubicBezTo>
                      <a:pt x="249841" y="155067"/>
                      <a:pt x="267653" y="130302"/>
                      <a:pt x="267653" y="103727"/>
                    </a:cubicBezTo>
                    <a:cubicBezTo>
                      <a:pt x="267653" y="56102"/>
                      <a:pt x="211646" y="18002"/>
                      <a:pt x="142875" y="18002"/>
                    </a:cubicBezTo>
                    <a:cubicBezTo>
                      <a:pt x="74104" y="18002"/>
                      <a:pt x="18193" y="56102"/>
                      <a:pt x="18193" y="103727"/>
                    </a:cubicBezTo>
                    <a:cubicBezTo>
                      <a:pt x="18193" y="151352"/>
                      <a:pt x="74104" y="189452"/>
                      <a:pt x="142875" y="189452"/>
                    </a:cubicBezTo>
                    <a:cubicBezTo>
                      <a:pt x="147828" y="189452"/>
                      <a:pt x="152971" y="189452"/>
                      <a:pt x="158877" y="188690"/>
                    </a:cubicBezTo>
                    <a:close/>
                  </a:path>
                </a:pathLst>
              </a:custGeom>
              <a:solidFill>
                <a:srgbClr val="265998"/>
              </a:solidFill>
              <a:ln w="9525" cap="flat">
                <a:noFill/>
                <a:prstDash val="solid"/>
                <a:miter/>
              </a:ln>
            </p:spPr>
            <p:txBody>
              <a:bodyPr rtlCol="0" anchor="ctr"/>
              <a:lstStyle/>
              <a:p>
                <a:endParaRPr lang="en-AU"/>
              </a:p>
            </p:txBody>
          </p:sp>
          <p:sp>
            <p:nvSpPr>
              <p:cNvPr id="89" name="Graphic 2">
                <a:extLst>
                  <a:ext uri="{FF2B5EF4-FFF2-40B4-BE49-F238E27FC236}">
                    <a16:creationId xmlns:a16="http://schemas.microsoft.com/office/drawing/2014/main" id="{B5B22E39-9D65-48A9-BF7B-6F9A4A881DDD}"/>
                  </a:ext>
                </a:extLst>
              </p:cNvPr>
              <p:cNvSpPr/>
              <p:nvPr/>
            </p:nvSpPr>
            <p:spPr>
              <a:xfrm>
                <a:off x="3398301" y="3830510"/>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4"/>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a:p>
            </p:txBody>
          </p:sp>
          <p:sp>
            <p:nvSpPr>
              <p:cNvPr id="90" name="Graphic 2">
                <a:extLst>
                  <a:ext uri="{FF2B5EF4-FFF2-40B4-BE49-F238E27FC236}">
                    <a16:creationId xmlns:a16="http://schemas.microsoft.com/office/drawing/2014/main" id="{B600F643-771F-452B-8434-E9913CECF079}"/>
                  </a:ext>
                </a:extLst>
              </p:cNvPr>
              <p:cNvSpPr/>
              <p:nvPr/>
            </p:nvSpPr>
            <p:spPr>
              <a:xfrm>
                <a:off x="3398301" y="3870610"/>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5"/>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a:p>
            </p:txBody>
          </p:sp>
          <p:sp>
            <p:nvSpPr>
              <p:cNvPr id="91" name="Graphic 2">
                <a:extLst>
                  <a:ext uri="{FF2B5EF4-FFF2-40B4-BE49-F238E27FC236}">
                    <a16:creationId xmlns:a16="http://schemas.microsoft.com/office/drawing/2014/main" id="{A358A185-6ABE-4883-B255-FEE8DAB7B1B1}"/>
                  </a:ext>
                </a:extLst>
              </p:cNvPr>
              <p:cNvSpPr/>
              <p:nvPr/>
            </p:nvSpPr>
            <p:spPr>
              <a:xfrm>
                <a:off x="3183445" y="3589908"/>
                <a:ext cx="285750" cy="258639"/>
              </a:xfrm>
              <a:custGeom>
                <a:avLst/>
                <a:gdLst>
                  <a:gd name="connsiteX0" fmla="*/ 62484 w 285750"/>
                  <a:gd name="connsiteY0" fmla="*/ 258604 h 258639"/>
                  <a:gd name="connsiteX1" fmla="*/ 58579 w 285750"/>
                  <a:gd name="connsiteY1" fmla="*/ 257746 h 258639"/>
                  <a:gd name="connsiteX2" fmla="*/ 53530 w 285750"/>
                  <a:gd name="connsiteY2" fmla="*/ 249650 h 258639"/>
                  <a:gd name="connsiteX3" fmla="*/ 53530 w 285750"/>
                  <a:gd name="connsiteY3" fmla="*/ 187547 h 258639"/>
                  <a:gd name="connsiteX4" fmla="*/ 51435 w 285750"/>
                  <a:gd name="connsiteY4" fmla="*/ 183832 h 258639"/>
                  <a:gd name="connsiteX5" fmla="*/ 0 w 285750"/>
                  <a:gd name="connsiteY5" fmla="*/ 103918 h 258639"/>
                  <a:gd name="connsiteX6" fmla="*/ 142875 w 285750"/>
                  <a:gd name="connsiteY6" fmla="*/ 0 h 258639"/>
                  <a:gd name="connsiteX7" fmla="*/ 285750 w 285750"/>
                  <a:gd name="connsiteY7" fmla="*/ 103918 h 258639"/>
                  <a:gd name="connsiteX8" fmla="*/ 280321 w 285750"/>
                  <a:gd name="connsiteY8" fmla="*/ 132493 h 258639"/>
                  <a:gd name="connsiteX9" fmla="*/ 271939 w 285750"/>
                  <a:gd name="connsiteY9" fmla="*/ 138303 h 258639"/>
                  <a:gd name="connsiteX10" fmla="*/ 268700 w 285750"/>
                  <a:gd name="connsiteY10" fmla="*/ 137636 h 258639"/>
                  <a:gd name="connsiteX11" fmla="*/ 263747 w 285750"/>
                  <a:gd name="connsiteY11" fmla="*/ 132874 h 258639"/>
                  <a:gd name="connsiteX12" fmla="*/ 263747 w 285750"/>
                  <a:gd name="connsiteY12" fmla="*/ 126016 h 258639"/>
                  <a:gd name="connsiteX13" fmla="*/ 267938 w 285750"/>
                  <a:gd name="connsiteY13" fmla="*/ 103918 h 258639"/>
                  <a:gd name="connsiteX14" fmla="*/ 143256 w 285750"/>
                  <a:gd name="connsiteY14" fmla="*/ 18193 h 258639"/>
                  <a:gd name="connsiteX15" fmla="*/ 18479 w 285750"/>
                  <a:gd name="connsiteY15" fmla="*/ 103918 h 258639"/>
                  <a:gd name="connsiteX16" fmla="*/ 67246 w 285750"/>
                  <a:gd name="connsiteY16" fmla="*/ 171926 h 258639"/>
                  <a:gd name="connsiteX17" fmla="*/ 72009 w 285750"/>
                  <a:gd name="connsiteY17" fmla="*/ 179832 h 258639"/>
                  <a:gd name="connsiteX18" fmla="*/ 72009 w 285750"/>
                  <a:gd name="connsiteY18" fmla="*/ 221837 h 258639"/>
                  <a:gd name="connsiteX19" fmla="*/ 74486 w 285750"/>
                  <a:gd name="connsiteY19" fmla="*/ 225743 h 258639"/>
                  <a:gd name="connsiteX20" fmla="*/ 76390 w 285750"/>
                  <a:gd name="connsiteY20" fmla="*/ 226219 h 258639"/>
                  <a:gd name="connsiteX21" fmla="*/ 79057 w 285750"/>
                  <a:gd name="connsiteY21" fmla="*/ 225266 h 258639"/>
                  <a:gd name="connsiteX22" fmla="*/ 124206 w 285750"/>
                  <a:gd name="connsiteY22" fmla="*/ 189167 h 258639"/>
                  <a:gd name="connsiteX23" fmla="*/ 129826 w 285750"/>
                  <a:gd name="connsiteY23" fmla="*/ 187166 h 258639"/>
                  <a:gd name="connsiteX24" fmla="*/ 138874 w 285750"/>
                  <a:gd name="connsiteY24" fmla="*/ 196025 h 258639"/>
                  <a:gd name="connsiteX25" fmla="*/ 135446 w 285750"/>
                  <a:gd name="connsiteY25" fmla="*/ 203168 h 258639"/>
                  <a:gd name="connsiteX26" fmla="*/ 68771 w 285750"/>
                  <a:gd name="connsiteY26" fmla="*/ 256604 h 258639"/>
                  <a:gd name="connsiteX27" fmla="*/ 62484 w 285750"/>
                  <a:gd name="connsiteY27" fmla="*/ 258604 h 2586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285750" h="258639">
                    <a:moveTo>
                      <a:pt x="62484" y="258604"/>
                    </a:moveTo>
                    <a:cubicBezTo>
                      <a:pt x="61131" y="258594"/>
                      <a:pt x="59807" y="258308"/>
                      <a:pt x="58579" y="257746"/>
                    </a:cubicBezTo>
                    <a:cubicBezTo>
                      <a:pt x="55569" y="256146"/>
                      <a:pt x="53645" y="253060"/>
                      <a:pt x="53530" y="249650"/>
                    </a:cubicBezTo>
                    <a:lnTo>
                      <a:pt x="53530" y="187547"/>
                    </a:lnTo>
                    <a:cubicBezTo>
                      <a:pt x="53559" y="186023"/>
                      <a:pt x="52759" y="184595"/>
                      <a:pt x="51435" y="183832"/>
                    </a:cubicBezTo>
                    <a:cubicBezTo>
                      <a:pt x="18764" y="164116"/>
                      <a:pt x="0" y="134969"/>
                      <a:pt x="0" y="103918"/>
                    </a:cubicBezTo>
                    <a:cubicBezTo>
                      <a:pt x="0" y="46768"/>
                      <a:pt x="64103" y="0"/>
                      <a:pt x="142875" y="0"/>
                    </a:cubicBezTo>
                    <a:cubicBezTo>
                      <a:pt x="221647" y="0"/>
                      <a:pt x="285750" y="46577"/>
                      <a:pt x="285750" y="103918"/>
                    </a:cubicBezTo>
                    <a:cubicBezTo>
                      <a:pt x="285750" y="113700"/>
                      <a:pt x="283902" y="123397"/>
                      <a:pt x="280321" y="132493"/>
                    </a:cubicBezTo>
                    <a:cubicBezTo>
                      <a:pt x="278882" y="135884"/>
                      <a:pt x="275625" y="138151"/>
                      <a:pt x="271939" y="138303"/>
                    </a:cubicBezTo>
                    <a:cubicBezTo>
                      <a:pt x="270824" y="138274"/>
                      <a:pt x="269729" y="138046"/>
                      <a:pt x="268700" y="137636"/>
                    </a:cubicBezTo>
                    <a:cubicBezTo>
                      <a:pt x="266462" y="136798"/>
                      <a:pt x="264671" y="135074"/>
                      <a:pt x="263747" y="132874"/>
                    </a:cubicBezTo>
                    <a:cubicBezTo>
                      <a:pt x="262833" y="130673"/>
                      <a:pt x="262833" y="128206"/>
                      <a:pt x="263747" y="126016"/>
                    </a:cubicBezTo>
                    <a:cubicBezTo>
                      <a:pt x="266500" y="118977"/>
                      <a:pt x="267919" y="111481"/>
                      <a:pt x="267938" y="103918"/>
                    </a:cubicBezTo>
                    <a:cubicBezTo>
                      <a:pt x="267938" y="56293"/>
                      <a:pt x="212027" y="18193"/>
                      <a:pt x="143256" y="18193"/>
                    </a:cubicBezTo>
                    <a:cubicBezTo>
                      <a:pt x="74486" y="18193"/>
                      <a:pt x="18479" y="56769"/>
                      <a:pt x="18479" y="103918"/>
                    </a:cubicBezTo>
                    <a:cubicBezTo>
                      <a:pt x="18479" y="130588"/>
                      <a:pt x="36290" y="155353"/>
                      <a:pt x="67246" y="171926"/>
                    </a:cubicBezTo>
                    <a:cubicBezTo>
                      <a:pt x="70190" y="173460"/>
                      <a:pt x="72028" y="176508"/>
                      <a:pt x="72009" y="179832"/>
                    </a:cubicBezTo>
                    <a:lnTo>
                      <a:pt x="72009" y="221837"/>
                    </a:lnTo>
                    <a:cubicBezTo>
                      <a:pt x="72028" y="223504"/>
                      <a:pt x="72980" y="225019"/>
                      <a:pt x="74486" y="225743"/>
                    </a:cubicBezTo>
                    <a:cubicBezTo>
                      <a:pt x="75076" y="226047"/>
                      <a:pt x="75724" y="226209"/>
                      <a:pt x="76390" y="226219"/>
                    </a:cubicBezTo>
                    <a:cubicBezTo>
                      <a:pt x="77362" y="226190"/>
                      <a:pt x="78296" y="225857"/>
                      <a:pt x="79057" y="225266"/>
                    </a:cubicBezTo>
                    <a:lnTo>
                      <a:pt x="124206" y="189167"/>
                    </a:lnTo>
                    <a:cubicBezTo>
                      <a:pt x="125787" y="187871"/>
                      <a:pt x="127778" y="187166"/>
                      <a:pt x="129826" y="187166"/>
                    </a:cubicBezTo>
                    <a:cubicBezTo>
                      <a:pt x="134769" y="187109"/>
                      <a:pt x="138827" y="191071"/>
                      <a:pt x="138874" y="196025"/>
                    </a:cubicBezTo>
                    <a:cubicBezTo>
                      <a:pt x="138912" y="198806"/>
                      <a:pt x="137636" y="201454"/>
                      <a:pt x="135446" y="203168"/>
                    </a:cubicBezTo>
                    <a:lnTo>
                      <a:pt x="68771" y="256604"/>
                    </a:lnTo>
                    <a:cubicBezTo>
                      <a:pt x="67027" y="258089"/>
                      <a:pt x="64761" y="258813"/>
                      <a:pt x="62484" y="258604"/>
                    </a:cubicBezTo>
                    <a:close/>
                  </a:path>
                </a:pathLst>
              </a:custGeom>
              <a:solidFill>
                <a:srgbClr val="265998"/>
              </a:solidFill>
              <a:ln w="9525" cap="flat">
                <a:noFill/>
                <a:prstDash val="solid"/>
                <a:miter/>
              </a:ln>
            </p:spPr>
            <p:txBody>
              <a:bodyPr rtlCol="0" anchor="ctr"/>
              <a:lstStyle/>
              <a:p>
                <a:endParaRPr lang="en-AU"/>
              </a:p>
            </p:txBody>
          </p:sp>
          <p:sp>
            <p:nvSpPr>
              <p:cNvPr id="92" name="Graphic 2">
                <a:extLst>
                  <a:ext uri="{FF2B5EF4-FFF2-40B4-BE49-F238E27FC236}">
                    <a16:creationId xmlns:a16="http://schemas.microsoft.com/office/drawing/2014/main" id="{7B2ABB94-7EFC-4F91-9567-5ECFF43F6938}"/>
                  </a:ext>
                  <a:ext uri="{C183D7F6-B498-43B3-948B-1728B52AA6E4}">
                    <adec:decorative xmlns:adec="http://schemas.microsoft.com/office/drawing/2017/decorative" val="1"/>
                  </a:ext>
                </a:extLst>
              </p:cNvPr>
              <p:cNvSpPr/>
              <p:nvPr/>
            </p:nvSpPr>
            <p:spPr>
              <a:xfrm>
                <a:off x="3263741" y="3670109"/>
                <a:ext cx="124872" cy="17906"/>
              </a:xfrm>
              <a:custGeom>
                <a:avLst/>
                <a:gdLst>
                  <a:gd name="connsiteX0" fmla="*/ 8954 w 124872"/>
                  <a:gd name="connsiteY0" fmla="*/ 17907 h 17906"/>
                  <a:gd name="connsiteX1" fmla="*/ 0 w 124872"/>
                  <a:gd name="connsiteY1" fmla="*/ 8954 h 17906"/>
                  <a:gd name="connsiteX2" fmla="*/ 8954 w 124872"/>
                  <a:gd name="connsiteY2" fmla="*/ 0 h 17906"/>
                  <a:gd name="connsiteX3" fmla="*/ 115919 w 124872"/>
                  <a:gd name="connsiteY3" fmla="*/ 0 h 17906"/>
                  <a:gd name="connsiteX4" fmla="*/ 124873 w 124872"/>
                  <a:gd name="connsiteY4" fmla="*/ 8954 h 17906"/>
                  <a:gd name="connsiteX5" fmla="*/ 115919 w 124872"/>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4872" h="17906">
                    <a:moveTo>
                      <a:pt x="8954" y="17907"/>
                    </a:moveTo>
                    <a:cubicBezTo>
                      <a:pt x="4010" y="17907"/>
                      <a:pt x="0" y="13897"/>
                      <a:pt x="0" y="8954"/>
                    </a:cubicBezTo>
                    <a:cubicBezTo>
                      <a:pt x="0" y="4010"/>
                      <a:pt x="4010" y="0"/>
                      <a:pt x="8954" y="0"/>
                    </a:cubicBezTo>
                    <a:lnTo>
                      <a:pt x="115919" y="0"/>
                    </a:lnTo>
                    <a:cubicBezTo>
                      <a:pt x="120863" y="0"/>
                      <a:pt x="124873" y="4010"/>
                      <a:pt x="124873" y="8954"/>
                    </a:cubicBezTo>
                    <a:cubicBezTo>
                      <a:pt x="124873" y="13897"/>
                      <a:pt x="120863" y="17907"/>
                      <a:pt x="115919" y="17907"/>
                    </a:cubicBezTo>
                    <a:close/>
                  </a:path>
                </a:pathLst>
              </a:custGeom>
              <a:solidFill>
                <a:srgbClr val="265998"/>
              </a:solidFill>
              <a:ln w="9525" cap="flat">
                <a:noFill/>
                <a:prstDash val="solid"/>
                <a:miter/>
              </a:ln>
            </p:spPr>
            <p:txBody>
              <a:bodyPr rtlCol="0" anchor="ctr"/>
              <a:lstStyle/>
              <a:p>
                <a:endParaRPr lang="en-AU"/>
              </a:p>
            </p:txBody>
          </p:sp>
          <p:sp>
            <p:nvSpPr>
              <p:cNvPr id="93" name="Graphic 2">
                <a:extLst>
                  <a:ext uri="{FF2B5EF4-FFF2-40B4-BE49-F238E27FC236}">
                    <a16:creationId xmlns:a16="http://schemas.microsoft.com/office/drawing/2014/main" id="{7EBEA722-C169-41CB-9DE7-7783BE121596}"/>
                  </a:ext>
                </a:extLst>
              </p:cNvPr>
              <p:cNvSpPr/>
              <p:nvPr/>
            </p:nvSpPr>
            <p:spPr>
              <a:xfrm>
                <a:off x="3264570" y="3710209"/>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4"/>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a:p>
            </p:txBody>
          </p:sp>
        </p:grpSp>
        <p:grpSp>
          <p:nvGrpSpPr>
            <p:cNvPr id="4" name="Group 3">
              <a:extLst>
                <a:ext uri="{FF2B5EF4-FFF2-40B4-BE49-F238E27FC236}">
                  <a16:creationId xmlns:a16="http://schemas.microsoft.com/office/drawing/2014/main" id="{D381C7D0-5769-4BE0-A5E2-5F837FC9FB89}"/>
                </a:ext>
              </a:extLst>
            </p:cNvPr>
            <p:cNvGrpSpPr/>
            <p:nvPr/>
          </p:nvGrpSpPr>
          <p:grpSpPr>
            <a:xfrm>
              <a:off x="2400553" y="2601975"/>
              <a:ext cx="365243" cy="421259"/>
              <a:chOff x="2469265" y="2550318"/>
              <a:chExt cx="365243" cy="421259"/>
            </a:xfrm>
          </p:grpSpPr>
          <p:sp>
            <p:nvSpPr>
              <p:cNvPr id="3" name="Rectangle 2">
                <a:extLst>
                  <a:ext uri="{FF2B5EF4-FFF2-40B4-BE49-F238E27FC236}">
                    <a16:creationId xmlns:a16="http://schemas.microsoft.com/office/drawing/2014/main" id="{A7F98CB7-10E7-4698-B149-59EB0BAEDBC6}"/>
                  </a:ext>
                  <a:ext uri="{C183D7F6-B498-43B3-948B-1728B52AA6E4}">
                    <adec:decorative xmlns:adec="http://schemas.microsoft.com/office/drawing/2017/decorative" val="1"/>
                  </a:ext>
                </a:extLst>
              </p:cNvPr>
              <p:cNvSpPr/>
              <p:nvPr/>
            </p:nvSpPr>
            <p:spPr>
              <a:xfrm>
                <a:off x="2482741" y="2550318"/>
                <a:ext cx="315228" cy="421089"/>
              </a:xfrm>
              <a:custGeom>
                <a:avLst/>
                <a:gdLst>
                  <a:gd name="connsiteX0" fmla="*/ 0 w 314128"/>
                  <a:gd name="connsiteY0" fmla="*/ 0 h 419100"/>
                  <a:gd name="connsiteX1" fmla="*/ 314128 w 314128"/>
                  <a:gd name="connsiteY1" fmla="*/ 0 h 419100"/>
                  <a:gd name="connsiteX2" fmla="*/ 314128 w 314128"/>
                  <a:gd name="connsiteY2" fmla="*/ 419100 h 419100"/>
                  <a:gd name="connsiteX3" fmla="*/ 0 w 314128"/>
                  <a:gd name="connsiteY3" fmla="*/ 419100 h 419100"/>
                  <a:gd name="connsiteX4" fmla="*/ 0 w 314128"/>
                  <a:gd name="connsiteY4" fmla="*/ 0 h 419100"/>
                  <a:gd name="connsiteX0" fmla="*/ 0 w 314128"/>
                  <a:gd name="connsiteY0" fmla="*/ 1989 h 421089"/>
                  <a:gd name="connsiteX1" fmla="*/ 241409 w 314128"/>
                  <a:gd name="connsiteY1" fmla="*/ 0 h 421089"/>
                  <a:gd name="connsiteX2" fmla="*/ 314128 w 314128"/>
                  <a:gd name="connsiteY2" fmla="*/ 1989 h 421089"/>
                  <a:gd name="connsiteX3" fmla="*/ 314128 w 314128"/>
                  <a:gd name="connsiteY3" fmla="*/ 421089 h 421089"/>
                  <a:gd name="connsiteX4" fmla="*/ 0 w 314128"/>
                  <a:gd name="connsiteY4" fmla="*/ 421089 h 421089"/>
                  <a:gd name="connsiteX5" fmla="*/ 0 w 314128"/>
                  <a:gd name="connsiteY5" fmla="*/ 1989 h 421089"/>
                  <a:gd name="connsiteX0" fmla="*/ 0 w 315228"/>
                  <a:gd name="connsiteY0" fmla="*/ 1989 h 421089"/>
                  <a:gd name="connsiteX1" fmla="*/ 241409 w 315228"/>
                  <a:gd name="connsiteY1" fmla="*/ 0 h 421089"/>
                  <a:gd name="connsiteX2" fmla="*/ 314128 w 315228"/>
                  <a:gd name="connsiteY2" fmla="*/ 1989 h 421089"/>
                  <a:gd name="connsiteX3" fmla="*/ 315228 w 315228"/>
                  <a:gd name="connsiteY3" fmla="*/ 100013 h 421089"/>
                  <a:gd name="connsiteX4" fmla="*/ 314128 w 315228"/>
                  <a:gd name="connsiteY4" fmla="*/ 421089 h 421089"/>
                  <a:gd name="connsiteX5" fmla="*/ 0 w 315228"/>
                  <a:gd name="connsiteY5" fmla="*/ 421089 h 421089"/>
                  <a:gd name="connsiteX6" fmla="*/ 0 w 315228"/>
                  <a:gd name="connsiteY6" fmla="*/ 1989 h 421089"/>
                  <a:gd name="connsiteX0" fmla="*/ 0 w 315228"/>
                  <a:gd name="connsiteY0" fmla="*/ 1989 h 421089"/>
                  <a:gd name="connsiteX1" fmla="*/ 241409 w 315228"/>
                  <a:gd name="connsiteY1" fmla="*/ 0 h 421089"/>
                  <a:gd name="connsiteX2" fmla="*/ 268885 w 315228"/>
                  <a:gd name="connsiteY2" fmla="*/ 37708 h 421089"/>
                  <a:gd name="connsiteX3" fmla="*/ 315228 w 315228"/>
                  <a:gd name="connsiteY3" fmla="*/ 100013 h 421089"/>
                  <a:gd name="connsiteX4" fmla="*/ 314128 w 315228"/>
                  <a:gd name="connsiteY4" fmla="*/ 421089 h 421089"/>
                  <a:gd name="connsiteX5" fmla="*/ 0 w 315228"/>
                  <a:gd name="connsiteY5" fmla="*/ 421089 h 421089"/>
                  <a:gd name="connsiteX6" fmla="*/ 0 w 315228"/>
                  <a:gd name="connsiteY6" fmla="*/ 1989 h 421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15228" h="421089">
                    <a:moveTo>
                      <a:pt x="0" y="1989"/>
                    </a:moveTo>
                    <a:lnTo>
                      <a:pt x="241409" y="0"/>
                    </a:lnTo>
                    <a:lnTo>
                      <a:pt x="268885" y="37708"/>
                    </a:lnTo>
                    <a:cubicBezTo>
                      <a:pt x="269252" y="70383"/>
                      <a:pt x="314861" y="67338"/>
                      <a:pt x="315228" y="100013"/>
                    </a:cubicBezTo>
                    <a:cubicBezTo>
                      <a:pt x="314861" y="207038"/>
                      <a:pt x="314495" y="314064"/>
                      <a:pt x="314128" y="421089"/>
                    </a:cubicBezTo>
                    <a:lnTo>
                      <a:pt x="0" y="421089"/>
                    </a:lnTo>
                    <a:lnTo>
                      <a:pt x="0" y="1989"/>
                    </a:lnTo>
                    <a:close/>
                  </a:path>
                </a:pathLst>
              </a:cu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nvGrpSpPr>
              <p:cNvPr id="102" name="Group 101">
                <a:extLst>
                  <a:ext uri="{FF2B5EF4-FFF2-40B4-BE49-F238E27FC236}">
                    <a16:creationId xmlns:a16="http://schemas.microsoft.com/office/drawing/2014/main" id="{1B51D908-FB86-4820-87BA-7169DDA0BCB8}"/>
                  </a:ext>
                </a:extLst>
              </p:cNvPr>
              <p:cNvGrpSpPr/>
              <p:nvPr/>
            </p:nvGrpSpPr>
            <p:grpSpPr>
              <a:xfrm>
                <a:off x="2469265" y="2552477"/>
                <a:ext cx="365243" cy="419100"/>
                <a:chOff x="1836134" y="2179542"/>
                <a:chExt cx="365243" cy="419100"/>
              </a:xfrm>
            </p:grpSpPr>
            <p:sp>
              <p:nvSpPr>
                <p:cNvPr id="103" name="Graphic 2">
                  <a:extLst>
                    <a:ext uri="{FF2B5EF4-FFF2-40B4-BE49-F238E27FC236}">
                      <a16:creationId xmlns:a16="http://schemas.microsoft.com/office/drawing/2014/main" id="{8D214386-81EE-4C26-A150-5967BEFCBDAD}"/>
                    </a:ext>
                  </a:extLst>
                </p:cNvPr>
                <p:cNvSpPr/>
                <p:nvPr/>
              </p:nvSpPr>
              <p:spPr>
                <a:xfrm>
                  <a:off x="2086927" y="2348801"/>
                  <a:ext cx="98107" cy="109537"/>
                </a:xfrm>
                <a:custGeom>
                  <a:avLst/>
                  <a:gdLst>
                    <a:gd name="connsiteX0" fmla="*/ 98107 w 98107"/>
                    <a:gd name="connsiteY0" fmla="*/ 37529 h 109537"/>
                    <a:gd name="connsiteX1" fmla="*/ 41815 w 98107"/>
                    <a:gd name="connsiteY1" fmla="*/ 109538 h 109537"/>
                    <a:gd name="connsiteX2" fmla="*/ 16288 w 98107"/>
                    <a:gd name="connsiteY2" fmla="*/ 108966 h 109537"/>
                    <a:gd name="connsiteX3" fmla="*/ 1429 w 98107"/>
                    <a:gd name="connsiteY3" fmla="*/ 91916 h 109537"/>
                    <a:gd name="connsiteX4" fmla="*/ 0 w 98107"/>
                    <a:gd name="connsiteY4" fmla="*/ 78772 h 109537"/>
                    <a:gd name="connsiteX5" fmla="*/ 62674 w 98107"/>
                    <a:gd name="connsiteY5" fmla="*/ 0 h 109537"/>
                    <a:gd name="connsiteX6" fmla="*/ 98107 w 98107"/>
                    <a:gd name="connsiteY6" fmla="*/ 37529 h 109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8107" h="109537">
                      <a:moveTo>
                        <a:pt x="98107" y="37529"/>
                      </a:moveTo>
                      <a:lnTo>
                        <a:pt x="41815" y="109538"/>
                      </a:lnTo>
                      <a:lnTo>
                        <a:pt x="16288" y="108966"/>
                      </a:lnTo>
                      <a:lnTo>
                        <a:pt x="1429" y="91916"/>
                      </a:lnTo>
                      <a:lnTo>
                        <a:pt x="0" y="78772"/>
                      </a:lnTo>
                      <a:lnTo>
                        <a:pt x="62674" y="0"/>
                      </a:lnTo>
                      <a:lnTo>
                        <a:pt x="98107" y="37529"/>
                      </a:lnTo>
                      <a:close/>
                    </a:path>
                  </a:pathLst>
                </a:custGeom>
                <a:solidFill>
                  <a:srgbClr val="66B9DA"/>
                </a:solidFill>
                <a:ln w="9525" cap="flat">
                  <a:noFill/>
                  <a:prstDash val="solid"/>
                  <a:miter/>
                </a:ln>
              </p:spPr>
              <p:txBody>
                <a:bodyPr rtlCol="0" anchor="ctr"/>
                <a:lstStyle/>
                <a:p>
                  <a:endParaRPr lang="en-AU"/>
                </a:p>
              </p:txBody>
            </p:sp>
            <p:sp>
              <p:nvSpPr>
                <p:cNvPr id="104" name="Graphic 2">
                  <a:extLst>
                    <a:ext uri="{FF2B5EF4-FFF2-40B4-BE49-F238E27FC236}">
                      <a16:creationId xmlns:a16="http://schemas.microsoft.com/office/drawing/2014/main" id="{091FCA69-C249-4761-BDDC-A1E5072BC371}"/>
                    </a:ext>
                  </a:extLst>
                </p:cNvPr>
                <p:cNvSpPr/>
                <p:nvPr/>
              </p:nvSpPr>
              <p:spPr>
                <a:xfrm>
                  <a:off x="2079116" y="2193353"/>
                  <a:ext cx="89439" cy="89439"/>
                </a:xfrm>
                <a:custGeom>
                  <a:avLst/>
                  <a:gdLst>
                    <a:gd name="connsiteX0" fmla="*/ 0 w 89439"/>
                    <a:gd name="connsiteY0" fmla="*/ 0 h 89439"/>
                    <a:gd name="connsiteX1" fmla="*/ 89440 w 89439"/>
                    <a:gd name="connsiteY1" fmla="*/ 89440 h 89439"/>
                    <a:gd name="connsiteX2" fmla="*/ 0 w 89439"/>
                    <a:gd name="connsiteY2" fmla="*/ 89440 h 89439"/>
                    <a:gd name="connsiteX3" fmla="*/ 0 w 89439"/>
                    <a:gd name="connsiteY3" fmla="*/ 0 h 89439"/>
                  </a:gdLst>
                  <a:ahLst/>
                  <a:cxnLst>
                    <a:cxn ang="0">
                      <a:pos x="connsiteX0" y="connsiteY0"/>
                    </a:cxn>
                    <a:cxn ang="0">
                      <a:pos x="connsiteX1" y="connsiteY1"/>
                    </a:cxn>
                    <a:cxn ang="0">
                      <a:pos x="connsiteX2" y="connsiteY2"/>
                    </a:cxn>
                    <a:cxn ang="0">
                      <a:pos x="connsiteX3" y="connsiteY3"/>
                    </a:cxn>
                  </a:cxnLst>
                  <a:rect l="l" t="t" r="r" b="b"/>
                  <a:pathLst>
                    <a:path w="89439" h="89439">
                      <a:moveTo>
                        <a:pt x="0" y="0"/>
                      </a:moveTo>
                      <a:lnTo>
                        <a:pt x="89440" y="89440"/>
                      </a:lnTo>
                      <a:lnTo>
                        <a:pt x="0" y="89440"/>
                      </a:lnTo>
                      <a:lnTo>
                        <a:pt x="0" y="0"/>
                      </a:lnTo>
                      <a:close/>
                    </a:path>
                  </a:pathLst>
                </a:custGeom>
                <a:solidFill>
                  <a:srgbClr val="66B9DA"/>
                </a:solidFill>
                <a:ln w="9525" cap="flat">
                  <a:noFill/>
                  <a:prstDash val="solid"/>
                  <a:miter/>
                </a:ln>
              </p:spPr>
              <p:txBody>
                <a:bodyPr rtlCol="0" anchor="ctr"/>
                <a:lstStyle/>
                <a:p>
                  <a:endParaRPr lang="en-AU"/>
                </a:p>
              </p:txBody>
            </p:sp>
            <p:sp>
              <p:nvSpPr>
                <p:cNvPr id="105" name="Graphic 2">
                  <a:extLst>
                    <a:ext uri="{FF2B5EF4-FFF2-40B4-BE49-F238E27FC236}">
                      <a16:creationId xmlns:a16="http://schemas.microsoft.com/office/drawing/2014/main" id="{2A660D42-2369-4CDD-870F-AEF86C4EFBA5}"/>
                    </a:ext>
                  </a:extLst>
                </p:cNvPr>
                <p:cNvSpPr/>
                <p:nvPr/>
              </p:nvSpPr>
              <p:spPr>
                <a:xfrm>
                  <a:off x="1836134" y="2179542"/>
                  <a:ext cx="338994" cy="419100"/>
                </a:xfrm>
                <a:custGeom>
                  <a:avLst/>
                  <a:gdLst>
                    <a:gd name="connsiteX0" fmla="*/ 22384 w 338994"/>
                    <a:gd name="connsiteY0" fmla="*/ 419100 h 419100"/>
                    <a:gd name="connsiteX1" fmla="*/ 0 w 338994"/>
                    <a:gd name="connsiteY1" fmla="*/ 396716 h 419100"/>
                    <a:gd name="connsiteX2" fmla="*/ 0 w 338994"/>
                    <a:gd name="connsiteY2" fmla="*/ 22288 h 419100"/>
                    <a:gd name="connsiteX3" fmla="*/ 22384 w 338994"/>
                    <a:gd name="connsiteY3" fmla="*/ 0 h 419100"/>
                    <a:gd name="connsiteX4" fmla="*/ 249841 w 338994"/>
                    <a:gd name="connsiteY4" fmla="*/ 0 h 419100"/>
                    <a:gd name="connsiteX5" fmla="*/ 256127 w 338994"/>
                    <a:gd name="connsiteY5" fmla="*/ 2572 h 419100"/>
                    <a:gd name="connsiteX6" fmla="*/ 336328 w 338994"/>
                    <a:gd name="connsiteY6" fmla="*/ 82867 h 419100"/>
                    <a:gd name="connsiteX7" fmla="*/ 338995 w 338994"/>
                    <a:gd name="connsiteY7" fmla="*/ 89154 h 419100"/>
                    <a:gd name="connsiteX8" fmla="*/ 338995 w 338994"/>
                    <a:gd name="connsiteY8" fmla="*/ 129350 h 419100"/>
                    <a:gd name="connsiteX9" fmla="*/ 329070 w 338994"/>
                    <a:gd name="connsiteY9" fmla="*/ 137427 h 419100"/>
                    <a:gd name="connsiteX10" fmla="*/ 320993 w 338994"/>
                    <a:gd name="connsiteY10" fmla="*/ 129350 h 419100"/>
                    <a:gd name="connsiteX11" fmla="*/ 320993 w 338994"/>
                    <a:gd name="connsiteY11" fmla="*/ 115919 h 419100"/>
                    <a:gd name="connsiteX12" fmla="*/ 316611 w 338994"/>
                    <a:gd name="connsiteY12" fmla="*/ 111538 h 419100"/>
                    <a:gd name="connsiteX13" fmla="*/ 247555 w 338994"/>
                    <a:gd name="connsiteY13" fmla="*/ 111538 h 419100"/>
                    <a:gd name="connsiteX14" fmla="*/ 227457 w 338994"/>
                    <a:gd name="connsiteY14" fmla="*/ 91440 h 419100"/>
                    <a:gd name="connsiteX15" fmla="*/ 227457 w 338994"/>
                    <a:gd name="connsiteY15" fmla="*/ 22288 h 419100"/>
                    <a:gd name="connsiteX16" fmla="*/ 223076 w 338994"/>
                    <a:gd name="connsiteY16" fmla="*/ 17907 h 419100"/>
                    <a:gd name="connsiteX17" fmla="*/ 22384 w 338994"/>
                    <a:gd name="connsiteY17" fmla="*/ 17907 h 419100"/>
                    <a:gd name="connsiteX18" fmla="*/ 18002 w 338994"/>
                    <a:gd name="connsiteY18" fmla="*/ 22288 h 419100"/>
                    <a:gd name="connsiteX19" fmla="*/ 18002 w 338994"/>
                    <a:gd name="connsiteY19" fmla="*/ 396716 h 419100"/>
                    <a:gd name="connsiteX20" fmla="*/ 22384 w 338994"/>
                    <a:gd name="connsiteY20" fmla="*/ 401098 h 419100"/>
                    <a:gd name="connsiteX21" fmla="*/ 316516 w 338994"/>
                    <a:gd name="connsiteY21" fmla="*/ 401098 h 419100"/>
                    <a:gd name="connsiteX22" fmla="*/ 320897 w 338994"/>
                    <a:gd name="connsiteY22" fmla="*/ 396907 h 419100"/>
                    <a:gd name="connsiteX23" fmla="*/ 320897 w 338994"/>
                    <a:gd name="connsiteY23" fmla="*/ 396716 h 419100"/>
                    <a:gd name="connsiteX24" fmla="*/ 320897 w 338994"/>
                    <a:gd name="connsiteY24" fmla="*/ 303085 h 419100"/>
                    <a:gd name="connsiteX25" fmla="*/ 330822 w 338994"/>
                    <a:gd name="connsiteY25" fmla="*/ 295008 h 419100"/>
                    <a:gd name="connsiteX26" fmla="*/ 338900 w 338994"/>
                    <a:gd name="connsiteY26" fmla="*/ 303085 h 419100"/>
                    <a:gd name="connsiteX27" fmla="*/ 338900 w 338994"/>
                    <a:gd name="connsiteY27" fmla="*/ 396716 h 419100"/>
                    <a:gd name="connsiteX28" fmla="*/ 316516 w 338994"/>
                    <a:gd name="connsiteY28" fmla="*/ 419100 h 419100"/>
                    <a:gd name="connsiteX29" fmla="*/ 249841 w 338994"/>
                    <a:gd name="connsiteY29" fmla="*/ 23908 h 419100"/>
                    <a:gd name="connsiteX30" fmla="*/ 248126 w 338994"/>
                    <a:gd name="connsiteY30" fmla="*/ 23908 h 419100"/>
                    <a:gd name="connsiteX31" fmla="*/ 245364 w 338994"/>
                    <a:gd name="connsiteY31" fmla="*/ 28003 h 419100"/>
                    <a:gd name="connsiteX32" fmla="*/ 245364 w 338994"/>
                    <a:gd name="connsiteY32" fmla="*/ 89249 h 419100"/>
                    <a:gd name="connsiteX33" fmla="*/ 249746 w 338994"/>
                    <a:gd name="connsiteY33" fmla="*/ 93631 h 419100"/>
                    <a:gd name="connsiteX34" fmla="*/ 249841 w 338994"/>
                    <a:gd name="connsiteY34" fmla="*/ 93631 h 419100"/>
                    <a:gd name="connsiteX35" fmla="*/ 311086 w 338994"/>
                    <a:gd name="connsiteY35" fmla="*/ 93631 h 419100"/>
                    <a:gd name="connsiteX36" fmla="*/ 315468 w 338994"/>
                    <a:gd name="connsiteY36" fmla="*/ 89249 h 419100"/>
                    <a:gd name="connsiteX37" fmla="*/ 314230 w 338994"/>
                    <a:gd name="connsiteY37" fmla="*/ 86201 h 419100"/>
                    <a:gd name="connsiteX38" fmla="*/ 252889 w 338994"/>
                    <a:gd name="connsiteY38" fmla="*/ 24860 h 419100"/>
                    <a:gd name="connsiteX39" fmla="*/ 249841 w 338994"/>
                    <a:gd name="connsiteY39" fmla="*/ 23908 h 419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338994" h="419100">
                      <a:moveTo>
                        <a:pt x="22384" y="419100"/>
                      </a:moveTo>
                      <a:cubicBezTo>
                        <a:pt x="10020" y="419100"/>
                        <a:pt x="0" y="409080"/>
                        <a:pt x="0" y="396716"/>
                      </a:cubicBezTo>
                      <a:lnTo>
                        <a:pt x="0" y="22288"/>
                      </a:lnTo>
                      <a:cubicBezTo>
                        <a:pt x="57" y="9963"/>
                        <a:pt x="10058" y="0"/>
                        <a:pt x="22384" y="0"/>
                      </a:cubicBezTo>
                      <a:lnTo>
                        <a:pt x="249841" y="0"/>
                      </a:lnTo>
                      <a:cubicBezTo>
                        <a:pt x="252184" y="57"/>
                        <a:pt x="254422" y="971"/>
                        <a:pt x="256127" y="2572"/>
                      </a:cubicBezTo>
                      <a:lnTo>
                        <a:pt x="336328" y="82867"/>
                      </a:lnTo>
                      <a:cubicBezTo>
                        <a:pt x="338033" y="84515"/>
                        <a:pt x="338995" y="86782"/>
                        <a:pt x="338995" y="89154"/>
                      </a:cubicBezTo>
                      <a:lnTo>
                        <a:pt x="338995" y="129350"/>
                      </a:lnTo>
                      <a:cubicBezTo>
                        <a:pt x="338480" y="134321"/>
                        <a:pt x="334042" y="137931"/>
                        <a:pt x="329070" y="137427"/>
                      </a:cubicBezTo>
                      <a:cubicBezTo>
                        <a:pt x="324803" y="136988"/>
                        <a:pt x="321431" y="133617"/>
                        <a:pt x="320993" y="129350"/>
                      </a:cubicBezTo>
                      <a:lnTo>
                        <a:pt x="320993" y="115919"/>
                      </a:lnTo>
                      <a:cubicBezTo>
                        <a:pt x="320993" y="113500"/>
                        <a:pt x="319030" y="111538"/>
                        <a:pt x="316611" y="111538"/>
                      </a:cubicBezTo>
                      <a:lnTo>
                        <a:pt x="247555" y="111538"/>
                      </a:lnTo>
                      <a:cubicBezTo>
                        <a:pt x="236477" y="111490"/>
                        <a:pt x="227505" y="102518"/>
                        <a:pt x="227457" y="91440"/>
                      </a:cubicBezTo>
                      <a:lnTo>
                        <a:pt x="227457" y="22288"/>
                      </a:lnTo>
                      <a:cubicBezTo>
                        <a:pt x="227409" y="19888"/>
                        <a:pt x="225476" y="17955"/>
                        <a:pt x="223076" y="17907"/>
                      </a:cubicBezTo>
                      <a:lnTo>
                        <a:pt x="22384" y="17907"/>
                      </a:lnTo>
                      <a:cubicBezTo>
                        <a:pt x="19983" y="17955"/>
                        <a:pt x="18050" y="19888"/>
                        <a:pt x="18002" y="22288"/>
                      </a:cubicBezTo>
                      <a:lnTo>
                        <a:pt x="18002" y="396716"/>
                      </a:lnTo>
                      <a:cubicBezTo>
                        <a:pt x="18002" y="399136"/>
                        <a:pt x="19964" y="401098"/>
                        <a:pt x="22384" y="401098"/>
                      </a:cubicBezTo>
                      <a:lnTo>
                        <a:pt x="316516" y="401098"/>
                      </a:lnTo>
                      <a:cubicBezTo>
                        <a:pt x="318878" y="401155"/>
                        <a:pt x="320840" y="399278"/>
                        <a:pt x="320897" y="396907"/>
                      </a:cubicBezTo>
                      <a:cubicBezTo>
                        <a:pt x="320897" y="396840"/>
                        <a:pt x="320897" y="396783"/>
                        <a:pt x="320897" y="396716"/>
                      </a:cubicBezTo>
                      <a:lnTo>
                        <a:pt x="320897" y="303085"/>
                      </a:lnTo>
                      <a:cubicBezTo>
                        <a:pt x="321412" y="298113"/>
                        <a:pt x="325850" y="294503"/>
                        <a:pt x="330822" y="295008"/>
                      </a:cubicBezTo>
                      <a:cubicBezTo>
                        <a:pt x="335090" y="295446"/>
                        <a:pt x="338461" y="298818"/>
                        <a:pt x="338900" y="303085"/>
                      </a:cubicBezTo>
                      <a:lnTo>
                        <a:pt x="338900" y="396716"/>
                      </a:lnTo>
                      <a:cubicBezTo>
                        <a:pt x="338900" y="409080"/>
                        <a:pt x="328879" y="419100"/>
                        <a:pt x="316516" y="419100"/>
                      </a:cubicBezTo>
                      <a:close/>
                      <a:moveTo>
                        <a:pt x="249841" y="23908"/>
                      </a:moveTo>
                      <a:cubicBezTo>
                        <a:pt x="249269" y="23813"/>
                        <a:pt x="248698" y="23813"/>
                        <a:pt x="248126" y="23908"/>
                      </a:cubicBezTo>
                      <a:cubicBezTo>
                        <a:pt x="246469" y="24594"/>
                        <a:pt x="245383" y="26203"/>
                        <a:pt x="245364" y="28003"/>
                      </a:cubicBezTo>
                      <a:lnTo>
                        <a:pt x="245364" y="89249"/>
                      </a:lnTo>
                      <a:cubicBezTo>
                        <a:pt x="245364" y="91669"/>
                        <a:pt x="247326" y="93631"/>
                        <a:pt x="249746" y="93631"/>
                      </a:cubicBezTo>
                      <a:cubicBezTo>
                        <a:pt x="249774" y="93631"/>
                        <a:pt x="249812" y="93631"/>
                        <a:pt x="249841" y="93631"/>
                      </a:cubicBezTo>
                      <a:lnTo>
                        <a:pt x="311086" y="93631"/>
                      </a:lnTo>
                      <a:cubicBezTo>
                        <a:pt x="313506" y="93631"/>
                        <a:pt x="315468" y="91669"/>
                        <a:pt x="315468" y="89249"/>
                      </a:cubicBezTo>
                      <a:cubicBezTo>
                        <a:pt x="315459" y="88106"/>
                        <a:pt x="315020" y="87020"/>
                        <a:pt x="314230" y="86201"/>
                      </a:cubicBezTo>
                      <a:lnTo>
                        <a:pt x="252889" y="24860"/>
                      </a:lnTo>
                      <a:cubicBezTo>
                        <a:pt x="252031" y="24165"/>
                        <a:pt x="250946" y="23822"/>
                        <a:pt x="249841" y="23908"/>
                      </a:cubicBezTo>
                      <a:close/>
                    </a:path>
                  </a:pathLst>
                </a:custGeom>
                <a:solidFill>
                  <a:srgbClr val="265998"/>
                </a:solidFill>
                <a:ln w="9525" cap="flat">
                  <a:noFill/>
                  <a:prstDash val="solid"/>
                  <a:miter/>
                </a:ln>
              </p:spPr>
              <p:txBody>
                <a:bodyPr rtlCol="0" anchor="ctr"/>
                <a:lstStyle/>
                <a:p>
                  <a:endParaRPr lang="en-AU"/>
                </a:p>
              </p:txBody>
            </p:sp>
            <p:sp>
              <p:nvSpPr>
                <p:cNvPr id="106" name="Graphic 2">
                  <a:extLst>
                    <a:ext uri="{FF2B5EF4-FFF2-40B4-BE49-F238E27FC236}">
                      <a16:creationId xmlns:a16="http://schemas.microsoft.com/office/drawing/2014/main" id="{612044FA-00A0-4973-8EC4-7E28D294F9A3}"/>
                    </a:ext>
                  </a:extLst>
                </p:cNvPr>
                <p:cNvSpPr/>
                <p:nvPr/>
              </p:nvSpPr>
              <p:spPr>
                <a:xfrm>
                  <a:off x="1970694" y="2299747"/>
                  <a:ext cx="69779" cy="18002"/>
                </a:xfrm>
                <a:custGeom>
                  <a:avLst/>
                  <a:gdLst>
                    <a:gd name="connsiteX0" fmla="*/ 8124 w 69779"/>
                    <a:gd name="connsiteY0" fmla="*/ 18002 h 18002"/>
                    <a:gd name="connsiteX1" fmla="*/ 47 w 69779"/>
                    <a:gd name="connsiteY1" fmla="*/ 8077 h 18002"/>
                    <a:gd name="connsiteX2" fmla="*/ 8124 w 69779"/>
                    <a:gd name="connsiteY2" fmla="*/ 0 h 18002"/>
                    <a:gd name="connsiteX3" fmla="*/ 61655 w 69779"/>
                    <a:gd name="connsiteY3" fmla="*/ 0 h 18002"/>
                    <a:gd name="connsiteX4" fmla="*/ 69732 w 69779"/>
                    <a:gd name="connsiteY4" fmla="*/ 9925 h 18002"/>
                    <a:gd name="connsiteX5" fmla="*/ 61655 w 69779"/>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9779" h="18002">
                      <a:moveTo>
                        <a:pt x="8124" y="18002"/>
                      </a:moveTo>
                      <a:cubicBezTo>
                        <a:pt x="3152" y="17488"/>
                        <a:pt x="-458" y="13049"/>
                        <a:pt x="47" y="8077"/>
                      </a:cubicBezTo>
                      <a:cubicBezTo>
                        <a:pt x="485" y="3810"/>
                        <a:pt x="3857" y="438"/>
                        <a:pt x="8124" y="0"/>
                      </a:cubicBezTo>
                      <a:lnTo>
                        <a:pt x="61655" y="0"/>
                      </a:lnTo>
                      <a:cubicBezTo>
                        <a:pt x="66627" y="514"/>
                        <a:pt x="70237" y="4953"/>
                        <a:pt x="69732" y="9925"/>
                      </a:cubicBezTo>
                      <a:cubicBezTo>
                        <a:pt x="69294" y="14192"/>
                        <a:pt x="65922" y="17564"/>
                        <a:pt x="61655" y="18002"/>
                      </a:cubicBezTo>
                      <a:close/>
                    </a:path>
                  </a:pathLst>
                </a:custGeom>
                <a:solidFill>
                  <a:srgbClr val="265998"/>
                </a:solidFill>
                <a:ln w="9525" cap="flat">
                  <a:noFill/>
                  <a:prstDash val="solid"/>
                  <a:miter/>
                </a:ln>
              </p:spPr>
              <p:txBody>
                <a:bodyPr rtlCol="0" anchor="ctr"/>
                <a:lstStyle/>
                <a:p>
                  <a:endParaRPr lang="en-AU"/>
                </a:p>
              </p:txBody>
            </p:sp>
            <p:sp>
              <p:nvSpPr>
                <p:cNvPr id="107" name="Graphic 2">
                  <a:extLst>
                    <a:ext uri="{FF2B5EF4-FFF2-40B4-BE49-F238E27FC236}">
                      <a16:creationId xmlns:a16="http://schemas.microsoft.com/office/drawing/2014/main" id="{A8F321AF-0AF8-4107-86B2-0539B5E8B38C}"/>
                    </a:ext>
                  </a:extLst>
                </p:cNvPr>
                <p:cNvSpPr/>
                <p:nvPr/>
              </p:nvSpPr>
              <p:spPr>
                <a:xfrm>
                  <a:off x="1916429" y="2353373"/>
                  <a:ext cx="164973" cy="17906"/>
                </a:xfrm>
                <a:custGeom>
                  <a:avLst/>
                  <a:gdLst>
                    <a:gd name="connsiteX0" fmla="*/ 8954 w 164973"/>
                    <a:gd name="connsiteY0" fmla="*/ 17907 h 17906"/>
                    <a:gd name="connsiteX1" fmla="*/ 0 w 164973"/>
                    <a:gd name="connsiteY1" fmla="*/ 8953 h 17906"/>
                    <a:gd name="connsiteX2" fmla="*/ 8954 w 164973"/>
                    <a:gd name="connsiteY2" fmla="*/ 0 h 17906"/>
                    <a:gd name="connsiteX3" fmla="*/ 156020 w 164973"/>
                    <a:gd name="connsiteY3" fmla="*/ 0 h 17906"/>
                    <a:gd name="connsiteX4" fmla="*/ 164973 w 164973"/>
                    <a:gd name="connsiteY4" fmla="*/ 8953 h 17906"/>
                    <a:gd name="connsiteX5" fmla="*/ 156020 w 164973"/>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4973" h="17906">
                      <a:moveTo>
                        <a:pt x="8954" y="17907"/>
                      </a:moveTo>
                      <a:cubicBezTo>
                        <a:pt x="4010" y="17907"/>
                        <a:pt x="0" y="13897"/>
                        <a:pt x="0" y="8953"/>
                      </a:cubicBezTo>
                      <a:cubicBezTo>
                        <a:pt x="0" y="4010"/>
                        <a:pt x="4010" y="0"/>
                        <a:pt x="8954" y="0"/>
                      </a:cubicBezTo>
                      <a:lnTo>
                        <a:pt x="156020" y="0"/>
                      </a:lnTo>
                      <a:cubicBezTo>
                        <a:pt x="160963" y="0"/>
                        <a:pt x="164973" y="4010"/>
                        <a:pt x="164973" y="8953"/>
                      </a:cubicBezTo>
                      <a:cubicBezTo>
                        <a:pt x="164973" y="13897"/>
                        <a:pt x="160963" y="17907"/>
                        <a:pt x="156020" y="17907"/>
                      </a:cubicBezTo>
                      <a:close/>
                    </a:path>
                  </a:pathLst>
                </a:custGeom>
                <a:solidFill>
                  <a:srgbClr val="265998"/>
                </a:solidFill>
                <a:ln w="9525" cap="flat">
                  <a:noFill/>
                  <a:prstDash val="solid"/>
                  <a:miter/>
                </a:ln>
              </p:spPr>
              <p:txBody>
                <a:bodyPr rtlCol="0" anchor="ctr"/>
                <a:lstStyle/>
                <a:p>
                  <a:endParaRPr lang="en-AU"/>
                </a:p>
              </p:txBody>
            </p:sp>
            <p:sp>
              <p:nvSpPr>
                <p:cNvPr id="108" name="Graphic 2">
                  <a:extLst>
                    <a:ext uri="{FF2B5EF4-FFF2-40B4-BE49-F238E27FC236}">
                      <a16:creationId xmlns:a16="http://schemas.microsoft.com/office/drawing/2014/main" id="{3B0A0445-C083-4214-AB3E-638A512E3318}"/>
                    </a:ext>
                  </a:extLst>
                </p:cNvPr>
                <p:cNvSpPr/>
                <p:nvPr/>
              </p:nvSpPr>
              <p:spPr>
                <a:xfrm>
                  <a:off x="1917259" y="2406808"/>
                  <a:ext cx="110165" cy="18002"/>
                </a:xfrm>
                <a:custGeom>
                  <a:avLst/>
                  <a:gdLst>
                    <a:gd name="connsiteX0" fmla="*/ 8124 w 110165"/>
                    <a:gd name="connsiteY0" fmla="*/ 18002 h 18002"/>
                    <a:gd name="connsiteX1" fmla="*/ 47 w 110165"/>
                    <a:gd name="connsiteY1" fmla="*/ 8077 h 18002"/>
                    <a:gd name="connsiteX2" fmla="*/ 8124 w 110165"/>
                    <a:gd name="connsiteY2" fmla="*/ 0 h 18002"/>
                    <a:gd name="connsiteX3" fmla="*/ 102041 w 110165"/>
                    <a:gd name="connsiteY3" fmla="*/ 0 h 18002"/>
                    <a:gd name="connsiteX4" fmla="*/ 110118 w 110165"/>
                    <a:gd name="connsiteY4" fmla="*/ 9925 h 18002"/>
                    <a:gd name="connsiteX5" fmla="*/ 102041 w 110165"/>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0165" h="18002">
                      <a:moveTo>
                        <a:pt x="8124" y="18002"/>
                      </a:moveTo>
                      <a:cubicBezTo>
                        <a:pt x="3152" y="17488"/>
                        <a:pt x="-458" y="13049"/>
                        <a:pt x="47" y="8077"/>
                      </a:cubicBezTo>
                      <a:cubicBezTo>
                        <a:pt x="485" y="3810"/>
                        <a:pt x="3857" y="438"/>
                        <a:pt x="8124" y="0"/>
                      </a:cubicBezTo>
                      <a:lnTo>
                        <a:pt x="102041" y="0"/>
                      </a:lnTo>
                      <a:cubicBezTo>
                        <a:pt x="107013" y="514"/>
                        <a:pt x="110623" y="4953"/>
                        <a:pt x="110118" y="9925"/>
                      </a:cubicBezTo>
                      <a:cubicBezTo>
                        <a:pt x="109680" y="14192"/>
                        <a:pt x="106308" y="17564"/>
                        <a:pt x="102041" y="18002"/>
                      </a:cubicBezTo>
                      <a:close/>
                    </a:path>
                  </a:pathLst>
                </a:custGeom>
                <a:solidFill>
                  <a:srgbClr val="265998"/>
                </a:solidFill>
                <a:ln w="9525" cap="flat">
                  <a:noFill/>
                  <a:prstDash val="solid"/>
                  <a:miter/>
                </a:ln>
              </p:spPr>
              <p:txBody>
                <a:bodyPr rtlCol="0" anchor="ctr"/>
                <a:lstStyle/>
                <a:p>
                  <a:endParaRPr lang="en-AU"/>
                </a:p>
              </p:txBody>
            </p:sp>
            <p:sp>
              <p:nvSpPr>
                <p:cNvPr id="109" name="Graphic 2">
                  <a:extLst>
                    <a:ext uri="{FF2B5EF4-FFF2-40B4-BE49-F238E27FC236}">
                      <a16:creationId xmlns:a16="http://schemas.microsoft.com/office/drawing/2014/main" id="{E527CD13-7EB1-4C1E-94CB-B19B7FE21AA0}"/>
                    </a:ext>
                  </a:extLst>
                </p:cNvPr>
                <p:cNvSpPr/>
                <p:nvPr/>
              </p:nvSpPr>
              <p:spPr>
                <a:xfrm>
                  <a:off x="1916429" y="2460339"/>
                  <a:ext cx="71342" cy="17907"/>
                </a:xfrm>
                <a:custGeom>
                  <a:avLst/>
                  <a:gdLst>
                    <a:gd name="connsiteX0" fmla="*/ 8954 w 71342"/>
                    <a:gd name="connsiteY0" fmla="*/ 17907 h 17907"/>
                    <a:gd name="connsiteX1" fmla="*/ 0 w 71342"/>
                    <a:gd name="connsiteY1" fmla="*/ 8954 h 17907"/>
                    <a:gd name="connsiteX2" fmla="*/ 8954 w 71342"/>
                    <a:gd name="connsiteY2" fmla="*/ 0 h 17907"/>
                    <a:gd name="connsiteX3" fmla="*/ 62389 w 71342"/>
                    <a:gd name="connsiteY3" fmla="*/ 0 h 17907"/>
                    <a:gd name="connsiteX4" fmla="*/ 71342 w 71342"/>
                    <a:gd name="connsiteY4" fmla="*/ 8954 h 17907"/>
                    <a:gd name="connsiteX5" fmla="*/ 62389 w 71342"/>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1342" h="17907">
                      <a:moveTo>
                        <a:pt x="8954" y="17907"/>
                      </a:moveTo>
                      <a:cubicBezTo>
                        <a:pt x="4010" y="17907"/>
                        <a:pt x="0" y="13897"/>
                        <a:pt x="0" y="8954"/>
                      </a:cubicBezTo>
                      <a:cubicBezTo>
                        <a:pt x="0" y="4010"/>
                        <a:pt x="4010" y="0"/>
                        <a:pt x="8954" y="0"/>
                      </a:cubicBezTo>
                      <a:lnTo>
                        <a:pt x="62389" y="0"/>
                      </a:lnTo>
                      <a:cubicBezTo>
                        <a:pt x="67332" y="0"/>
                        <a:pt x="71342" y="4010"/>
                        <a:pt x="71342" y="8954"/>
                      </a:cubicBezTo>
                      <a:cubicBezTo>
                        <a:pt x="71342" y="13897"/>
                        <a:pt x="67332" y="17907"/>
                        <a:pt x="62389" y="17907"/>
                      </a:cubicBezTo>
                      <a:close/>
                    </a:path>
                  </a:pathLst>
                </a:custGeom>
                <a:solidFill>
                  <a:srgbClr val="265998"/>
                </a:solidFill>
                <a:ln w="9525" cap="flat">
                  <a:noFill/>
                  <a:prstDash val="solid"/>
                  <a:miter/>
                </a:ln>
              </p:spPr>
              <p:txBody>
                <a:bodyPr rtlCol="0" anchor="ctr"/>
                <a:lstStyle/>
                <a:p>
                  <a:endParaRPr lang="en-AU"/>
                </a:p>
              </p:txBody>
            </p:sp>
            <p:sp>
              <p:nvSpPr>
                <p:cNvPr id="110" name="Graphic 2">
                  <a:extLst>
                    <a:ext uri="{FF2B5EF4-FFF2-40B4-BE49-F238E27FC236}">
                      <a16:creationId xmlns:a16="http://schemas.microsoft.com/office/drawing/2014/main" id="{18251471-33A5-497B-B108-6C7E927E4E89}"/>
                    </a:ext>
                  </a:extLst>
                </p:cNvPr>
                <p:cNvSpPr/>
                <p:nvPr/>
              </p:nvSpPr>
              <p:spPr>
                <a:xfrm>
                  <a:off x="1916429" y="2527204"/>
                  <a:ext cx="58007" cy="17906"/>
                </a:xfrm>
                <a:custGeom>
                  <a:avLst/>
                  <a:gdLst>
                    <a:gd name="connsiteX0" fmla="*/ 8954 w 58007"/>
                    <a:gd name="connsiteY0" fmla="*/ 17907 h 17906"/>
                    <a:gd name="connsiteX1" fmla="*/ 0 w 58007"/>
                    <a:gd name="connsiteY1" fmla="*/ 8953 h 17906"/>
                    <a:gd name="connsiteX2" fmla="*/ 8954 w 58007"/>
                    <a:gd name="connsiteY2" fmla="*/ 0 h 17906"/>
                    <a:gd name="connsiteX3" fmla="*/ 49054 w 58007"/>
                    <a:gd name="connsiteY3" fmla="*/ 0 h 17906"/>
                    <a:gd name="connsiteX4" fmla="*/ 58007 w 58007"/>
                    <a:gd name="connsiteY4" fmla="*/ 8953 h 17906"/>
                    <a:gd name="connsiteX5" fmla="*/ 49054 w 58007"/>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8007" h="17906">
                      <a:moveTo>
                        <a:pt x="8954" y="17907"/>
                      </a:moveTo>
                      <a:cubicBezTo>
                        <a:pt x="4010" y="17907"/>
                        <a:pt x="0" y="13897"/>
                        <a:pt x="0" y="8953"/>
                      </a:cubicBezTo>
                      <a:cubicBezTo>
                        <a:pt x="0" y="4010"/>
                        <a:pt x="4010" y="0"/>
                        <a:pt x="8954" y="0"/>
                      </a:cubicBezTo>
                      <a:lnTo>
                        <a:pt x="49054" y="0"/>
                      </a:lnTo>
                      <a:cubicBezTo>
                        <a:pt x="53997" y="0"/>
                        <a:pt x="58007" y="4010"/>
                        <a:pt x="58007" y="8953"/>
                      </a:cubicBezTo>
                      <a:cubicBezTo>
                        <a:pt x="58007" y="13897"/>
                        <a:pt x="53997" y="17907"/>
                        <a:pt x="49054" y="17907"/>
                      </a:cubicBezTo>
                      <a:close/>
                    </a:path>
                  </a:pathLst>
                </a:custGeom>
                <a:solidFill>
                  <a:srgbClr val="265998"/>
                </a:solidFill>
                <a:ln w="9525" cap="flat">
                  <a:noFill/>
                  <a:prstDash val="solid"/>
                  <a:miter/>
                </a:ln>
              </p:spPr>
              <p:txBody>
                <a:bodyPr rtlCol="0" anchor="ctr"/>
                <a:lstStyle/>
                <a:p>
                  <a:endParaRPr lang="en-AU"/>
                </a:p>
              </p:txBody>
            </p:sp>
            <p:sp>
              <p:nvSpPr>
                <p:cNvPr id="111" name="Graphic 2">
                  <a:extLst>
                    <a:ext uri="{FF2B5EF4-FFF2-40B4-BE49-F238E27FC236}">
                      <a16:creationId xmlns:a16="http://schemas.microsoft.com/office/drawing/2014/main" id="{5F713CE4-1D08-466E-B536-36E202CBC0C5}"/>
                    </a:ext>
                    <a:ext uri="{C183D7F6-B498-43B3-948B-1728B52AA6E4}">
                      <adec:decorative xmlns:adec="http://schemas.microsoft.com/office/drawing/2017/decorative" val="1"/>
                    </a:ext>
                  </a:extLst>
                </p:cNvPr>
                <p:cNvSpPr/>
                <p:nvPr/>
              </p:nvSpPr>
              <p:spPr>
                <a:xfrm>
                  <a:off x="1996640" y="2340326"/>
                  <a:ext cx="204737" cy="204786"/>
                </a:xfrm>
                <a:custGeom>
                  <a:avLst/>
                  <a:gdLst>
                    <a:gd name="connsiteX0" fmla="*/ 8944 w 204737"/>
                    <a:gd name="connsiteY0" fmla="*/ 204786 h 204786"/>
                    <a:gd name="connsiteX1" fmla="*/ 0 w 204737"/>
                    <a:gd name="connsiteY1" fmla="*/ 195823 h 204786"/>
                    <a:gd name="connsiteX2" fmla="*/ 276 w 204737"/>
                    <a:gd name="connsiteY2" fmla="*/ 193641 h 204786"/>
                    <a:gd name="connsiteX3" fmla="*/ 13611 w 204737"/>
                    <a:gd name="connsiteY3" fmla="*/ 140206 h 204786"/>
                    <a:gd name="connsiteX4" fmla="*/ 15992 w 204737"/>
                    <a:gd name="connsiteY4" fmla="*/ 136015 h 204786"/>
                    <a:gd name="connsiteX5" fmla="*/ 149342 w 204737"/>
                    <a:gd name="connsiteY5" fmla="*/ 2665 h 204786"/>
                    <a:gd name="connsiteX6" fmla="*/ 161868 w 204737"/>
                    <a:gd name="connsiteY6" fmla="*/ 2522 h 204786"/>
                    <a:gd name="connsiteX7" fmla="*/ 162011 w 204737"/>
                    <a:gd name="connsiteY7" fmla="*/ 2665 h 204786"/>
                    <a:gd name="connsiteX8" fmla="*/ 202111 w 204737"/>
                    <a:gd name="connsiteY8" fmla="*/ 42765 h 204786"/>
                    <a:gd name="connsiteX9" fmla="*/ 202121 w 204737"/>
                    <a:gd name="connsiteY9" fmla="*/ 55424 h 204786"/>
                    <a:gd name="connsiteX10" fmla="*/ 202111 w 204737"/>
                    <a:gd name="connsiteY10" fmla="*/ 55434 h 204786"/>
                    <a:gd name="connsiteX11" fmla="*/ 68761 w 204737"/>
                    <a:gd name="connsiteY11" fmla="*/ 188784 h 204786"/>
                    <a:gd name="connsiteX12" fmla="*/ 64665 w 204737"/>
                    <a:gd name="connsiteY12" fmla="*/ 191165 h 204786"/>
                    <a:gd name="connsiteX13" fmla="*/ 11135 w 204737"/>
                    <a:gd name="connsiteY13" fmla="*/ 204500 h 204786"/>
                    <a:gd name="connsiteX14" fmla="*/ 8944 w 204737"/>
                    <a:gd name="connsiteY14" fmla="*/ 204786 h 204786"/>
                    <a:gd name="connsiteX15" fmla="*/ 49044 w 204737"/>
                    <a:gd name="connsiteY15" fmla="*/ 130110 h 204786"/>
                    <a:gd name="connsiteX16" fmla="*/ 45996 w 204737"/>
                    <a:gd name="connsiteY16" fmla="*/ 131443 h 204786"/>
                    <a:gd name="connsiteX17" fmla="*/ 31328 w 204737"/>
                    <a:gd name="connsiteY17" fmla="*/ 146112 h 204786"/>
                    <a:gd name="connsiteX18" fmla="*/ 30185 w 204737"/>
                    <a:gd name="connsiteY18" fmla="*/ 148112 h 204786"/>
                    <a:gd name="connsiteX19" fmla="*/ 23041 w 204737"/>
                    <a:gd name="connsiteY19" fmla="*/ 176687 h 204786"/>
                    <a:gd name="connsiteX20" fmla="*/ 24279 w 204737"/>
                    <a:gd name="connsiteY20" fmla="*/ 180878 h 204786"/>
                    <a:gd name="connsiteX21" fmla="*/ 27327 w 204737"/>
                    <a:gd name="connsiteY21" fmla="*/ 182116 h 204786"/>
                    <a:gd name="connsiteX22" fmla="*/ 28375 w 204737"/>
                    <a:gd name="connsiteY22" fmla="*/ 182116 h 204786"/>
                    <a:gd name="connsiteX23" fmla="*/ 56950 w 204737"/>
                    <a:gd name="connsiteY23" fmla="*/ 174973 h 204786"/>
                    <a:gd name="connsiteX24" fmla="*/ 58950 w 204737"/>
                    <a:gd name="connsiteY24" fmla="*/ 173829 h 204786"/>
                    <a:gd name="connsiteX25" fmla="*/ 73714 w 204737"/>
                    <a:gd name="connsiteY25" fmla="*/ 159161 h 204786"/>
                    <a:gd name="connsiteX26" fmla="*/ 74952 w 204737"/>
                    <a:gd name="connsiteY26" fmla="*/ 156113 h 204786"/>
                    <a:gd name="connsiteX27" fmla="*/ 73714 w 204737"/>
                    <a:gd name="connsiteY27" fmla="*/ 152970 h 204786"/>
                    <a:gd name="connsiteX28" fmla="*/ 52473 w 204737"/>
                    <a:gd name="connsiteY28" fmla="*/ 131824 h 204786"/>
                    <a:gd name="connsiteX29" fmla="*/ 49044 w 204737"/>
                    <a:gd name="connsiteY29" fmla="*/ 129824 h 204786"/>
                    <a:gd name="connsiteX30" fmla="*/ 75809 w 204737"/>
                    <a:gd name="connsiteY30" fmla="*/ 103344 h 204786"/>
                    <a:gd name="connsiteX31" fmla="*/ 72761 w 204737"/>
                    <a:gd name="connsiteY31" fmla="*/ 104678 h 204786"/>
                    <a:gd name="connsiteX32" fmla="*/ 64856 w 204737"/>
                    <a:gd name="connsiteY32" fmla="*/ 112488 h 204786"/>
                    <a:gd name="connsiteX33" fmla="*/ 64856 w 204737"/>
                    <a:gd name="connsiteY33" fmla="*/ 118680 h 204786"/>
                    <a:gd name="connsiteX34" fmla="*/ 86096 w 204737"/>
                    <a:gd name="connsiteY34" fmla="*/ 139920 h 204786"/>
                    <a:gd name="connsiteX35" fmla="*/ 89240 w 204737"/>
                    <a:gd name="connsiteY35" fmla="*/ 141159 h 204786"/>
                    <a:gd name="connsiteX36" fmla="*/ 92288 w 204737"/>
                    <a:gd name="connsiteY36" fmla="*/ 139920 h 204786"/>
                    <a:gd name="connsiteX37" fmla="*/ 100098 w 204737"/>
                    <a:gd name="connsiteY37" fmla="*/ 132110 h 204786"/>
                    <a:gd name="connsiteX38" fmla="*/ 100098 w 204737"/>
                    <a:gd name="connsiteY38" fmla="*/ 125823 h 204786"/>
                    <a:gd name="connsiteX39" fmla="*/ 78953 w 204737"/>
                    <a:gd name="connsiteY39" fmla="*/ 104678 h 204786"/>
                    <a:gd name="connsiteX40" fmla="*/ 75809 w 204737"/>
                    <a:gd name="connsiteY40" fmla="*/ 103344 h 204786"/>
                    <a:gd name="connsiteX41" fmla="*/ 156010 w 204737"/>
                    <a:gd name="connsiteY41" fmla="*/ 23144 h 204786"/>
                    <a:gd name="connsiteX42" fmla="*/ 152962 w 204737"/>
                    <a:gd name="connsiteY42" fmla="*/ 24477 h 204786"/>
                    <a:gd name="connsiteX43" fmla="*/ 91621 w 204737"/>
                    <a:gd name="connsiteY43" fmla="*/ 85723 h 204786"/>
                    <a:gd name="connsiteX44" fmla="*/ 91621 w 204737"/>
                    <a:gd name="connsiteY44" fmla="*/ 91915 h 204786"/>
                    <a:gd name="connsiteX45" fmla="*/ 112862 w 204737"/>
                    <a:gd name="connsiteY45" fmla="*/ 113155 h 204786"/>
                    <a:gd name="connsiteX46" fmla="*/ 115910 w 204737"/>
                    <a:gd name="connsiteY46" fmla="*/ 114489 h 204786"/>
                    <a:gd name="connsiteX47" fmla="*/ 119053 w 204737"/>
                    <a:gd name="connsiteY47" fmla="*/ 113155 h 204786"/>
                    <a:gd name="connsiteX48" fmla="*/ 180394 w 204737"/>
                    <a:gd name="connsiteY48" fmla="*/ 51814 h 204786"/>
                    <a:gd name="connsiteX49" fmla="*/ 180394 w 204737"/>
                    <a:gd name="connsiteY49" fmla="*/ 45623 h 204786"/>
                    <a:gd name="connsiteX50" fmla="*/ 159153 w 204737"/>
                    <a:gd name="connsiteY50" fmla="*/ 24477 h 204786"/>
                    <a:gd name="connsiteX51" fmla="*/ 156010 w 204737"/>
                    <a:gd name="connsiteY51" fmla="*/ 23144 h 204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204737" h="204786">
                      <a:moveTo>
                        <a:pt x="8944" y="204786"/>
                      </a:moveTo>
                      <a:cubicBezTo>
                        <a:pt x="4000" y="204776"/>
                        <a:pt x="0" y="200766"/>
                        <a:pt x="0" y="195823"/>
                      </a:cubicBezTo>
                      <a:cubicBezTo>
                        <a:pt x="9" y="195089"/>
                        <a:pt x="95" y="194356"/>
                        <a:pt x="276" y="193641"/>
                      </a:cubicBezTo>
                      <a:lnTo>
                        <a:pt x="13611" y="140206"/>
                      </a:lnTo>
                      <a:cubicBezTo>
                        <a:pt x="14002" y="138616"/>
                        <a:pt x="14821" y="137158"/>
                        <a:pt x="15992" y="136015"/>
                      </a:cubicBezTo>
                      <a:lnTo>
                        <a:pt x="149342" y="2665"/>
                      </a:lnTo>
                      <a:cubicBezTo>
                        <a:pt x="152762" y="-830"/>
                        <a:pt x="158372" y="-897"/>
                        <a:pt x="161868" y="2522"/>
                      </a:cubicBezTo>
                      <a:cubicBezTo>
                        <a:pt x="161915" y="2570"/>
                        <a:pt x="161963" y="2618"/>
                        <a:pt x="162011" y="2665"/>
                      </a:cubicBezTo>
                      <a:lnTo>
                        <a:pt x="202111" y="42765"/>
                      </a:lnTo>
                      <a:cubicBezTo>
                        <a:pt x="205607" y="46261"/>
                        <a:pt x="205616" y="51929"/>
                        <a:pt x="202121" y="55424"/>
                      </a:cubicBezTo>
                      <a:cubicBezTo>
                        <a:pt x="202111" y="55434"/>
                        <a:pt x="202111" y="55434"/>
                        <a:pt x="202111" y="55434"/>
                      </a:cubicBezTo>
                      <a:lnTo>
                        <a:pt x="68761" y="188784"/>
                      </a:lnTo>
                      <a:cubicBezTo>
                        <a:pt x="67637" y="189927"/>
                        <a:pt x="66218" y="190755"/>
                        <a:pt x="64665" y="191165"/>
                      </a:cubicBezTo>
                      <a:lnTo>
                        <a:pt x="11135" y="204500"/>
                      </a:lnTo>
                      <a:cubicBezTo>
                        <a:pt x="10420" y="204690"/>
                        <a:pt x="9687" y="204795"/>
                        <a:pt x="8944" y="204786"/>
                      </a:cubicBezTo>
                      <a:close/>
                      <a:moveTo>
                        <a:pt x="49044" y="130110"/>
                      </a:moveTo>
                      <a:cubicBezTo>
                        <a:pt x="47882" y="130100"/>
                        <a:pt x="46777" y="130586"/>
                        <a:pt x="45996" y="131443"/>
                      </a:cubicBezTo>
                      <a:lnTo>
                        <a:pt x="31328" y="146112"/>
                      </a:lnTo>
                      <a:cubicBezTo>
                        <a:pt x="30775" y="146664"/>
                        <a:pt x="30375" y="147350"/>
                        <a:pt x="30185" y="148112"/>
                      </a:cubicBezTo>
                      <a:lnTo>
                        <a:pt x="23041" y="176687"/>
                      </a:lnTo>
                      <a:cubicBezTo>
                        <a:pt x="22679" y="178201"/>
                        <a:pt x="23146" y="179802"/>
                        <a:pt x="24279" y="180878"/>
                      </a:cubicBezTo>
                      <a:cubicBezTo>
                        <a:pt x="25098" y="181668"/>
                        <a:pt x="26184" y="182116"/>
                        <a:pt x="27327" y="182116"/>
                      </a:cubicBezTo>
                      <a:lnTo>
                        <a:pt x="28375" y="182116"/>
                      </a:lnTo>
                      <a:lnTo>
                        <a:pt x="56950" y="174973"/>
                      </a:lnTo>
                      <a:cubicBezTo>
                        <a:pt x="57721" y="174811"/>
                        <a:pt x="58417" y="174410"/>
                        <a:pt x="58950" y="173829"/>
                      </a:cubicBezTo>
                      <a:lnTo>
                        <a:pt x="73714" y="159161"/>
                      </a:lnTo>
                      <a:cubicBezTo>
                        <a:pt x="74504" y="158342"/>
                        <a:pt x="74952" y="157256"/>
                        <a:pt x="74952" y="156113"/>
                      </a:cubicBezTo>
                      <a:cubicBezTo>
                        <a:pt x="74933" y="154951"/>
                        <a:pt x="74485" y="153836"/>
                        <a:pt x="73714" y="152970"/>
                      </a:cubicBezTo>
                      <a:lnTo>
                        <a:pt x="52473" y="131824"/>
                      </a:lnTo>
                      <a:cubicBezTo>
                        <a:pt x="51730" y="130634"/>
                        <a:pt x="50444" y="129891"/>
                        <a:pt x="49044" y="129824"/>
                      </a:cubicBezTo>
                      <a:close/>
                      <a:moveTo>
                        <a:pt x="75809" y="103344"/>
                      </a:moveTo>
                      <a:cubicBezTo>
                        <a:pt x="74657" y="103364"/>
                        <a:pt x="73552" y="103840"/>
                        <a:pt x="72761" y="104678"/>
                      </a:cubicBezTo>
                      <a:lnTo>
                        <a:pt x="64856" y="112488"/>
                      </a:lnTo>
                      <a:cubicBezTo>
                        <a:pt x="63151" y="114203"/>
                        <a:pt x="63151" y="116965"/>
                        <a:pt x="64856" y="118680"/>
                      </a:cubicBezTo>
                      <a:lnTo>
                        <a:pt x="86096" y="139920"/>
                      </a:lnTo>
                      <a:cubicBezTo>
                        <a:pt x="86935" y="140740"/>
                        <a:pt x="88068" y="141187"/>
                        <a:pt x="89240" y="141159"/>
                      </a:cubicBezTo>
                      <a:cubicBezTo>
                        <a:pt x="90383" y="141168"/>
                        <a:pt x="91478" y="140721"/>
                        <a:pt x="92288" y="139920"/>
                      </a:cubicBezTo>
                      <a:lnTo>
                        <a:pt x="100098" y="132110"/>
                      </a:lnTo>
                      <a:cubicBezTo>
                        <a:pt x="101813" y="130367"/>
                        <a:pt x="101813" y="127567"/>
                        <a:pt x="100098" y="125823"/>
                      </a:cubicBezTo>
                      <a:lnTo>
                        <a:pt x="78953" y="104678"/>
                      </a:lnTo>
                      <a:cubicBezTo>
                        <a:pt x="78124" y="103840"/>
                        <a:pt x="76991" y="103354"/>
                        <a:pt x="75809" y="103344"/>
                      </a:cubicBezTo>
                      <a:close/>
                      <a:moveTo>
                        <a:pt x="156010" y="23144"/>
                      </a:moveTo>
                      <a:cubicBezTo>
                        <a:pt x="154857" y="23182"/>
                        <a:pt x="153772" y="23658"/>
                        <a:pt x="152962" y="24477"/>
                      </a:cubicBezTo>
                      <a:lnTo>
                        <a:pt x="91621" y="85723"/>
                      </a:lnTo>
                      <a:cubicBezTo>
                        <a:pt x="89916" y="87438"/>
                        <a:pt x="89916" y="90200"/>
                        <a:pt x="91621" y="91915"/>
                      </a:cubicBezTo>
                      <a:lnTo>
                        <a:pt x="112862" y="113155"/>
                      </a:lnTo>
                      <a:cubicBezTo>
                        <a:pt x="113652" y="113993"/>
                        <a:pt x="114757" y="114470"/>
                        <a:pt x="115910" y="114489"/>
                      </a:cubicBezTo>
                      <a:cubicBezTo>
                        <a:pt x="117091" y="114479"/>
                        <a:pt x="118224" y="113993"/>
                        <a:pt x="119053" y="113155"/>
                      </a:cubicBezTo>
                      <a:lnTo>
                        <a:pt x="180394" y="51814"/>
                      </a:lnTo>
                      <a:cubicBezTo>
                        <a:pt x="182099" y="50100"/>
                        <a:pt x="182099" y="47337"/>
                        <a:pt x="180394" y="45623"/>
                      </a:cubicBezTo>
                      <a:lnTo>
                        <a:pt x="159153" y="24477"/>
                      </a:lnTo>
                      <a:cubicBezTo>
                        <a:pt x="158325" y="23639"/>
                        <a:pt x="157191" y="23153"/>
                        <a:pt x="156010" y="23144"/>
                      </a:cubicBezTo>
                      <a:close/>
                    </a:path>
                  </a:pathLst>
                </a:custGeom>
                <a:solidFill>
                  <a:srgbClr val="265998"/>
                </a:solidFill>
                <a:ln w="9525" cap="flat">
                  <a:noFill/>
                  <a:prstDash val="solid"/>
                  <a:miter/>
                </a:ln>
              </p:spPr>
              <p:txBody>
                <a:bodyPr rtlCol="0" anchor="ctr"/>
                <a:lstStyle/>
                <a:p>
                  <a:endParaRPr lang="en-AU"/>
                </a:p>
              </p:txBody>
            </p:sp>
          </p:grpSp>
        </p:grpSp>
      </p:grpSp>
    </p:spTree>
    <p:extLst>
      <p:ext uri="{BB962C8B-B14F-4D97-AF65-F5344CB8AC3E}">
        <p14:creationId xmlns:p14="http://schemas.microsoft.com/office/powerpoint/2010/main" val="45396247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8" name="Rectangle 167">
            <a:extLst>
              <a:ext uri="{FF2B5EF4-FFF2-40B4-BE49-F238E27FC236}">
                <a16:creationId xmlns:a16="http://schemas.microsoft.com/office/drawing/2014/main" id="{392A2BC2-B6E7-417A-88C8-D45DC7331E92}"/>
              </a:ext>
            </a:extLst>
          </p:cNvPr>
          <p:cNvSpPr/>
          <p:nvPr/>
        </p:nvSpPr>
        <p:spPr>
          <a:xfrm>
            <a:off x="0" y="732737"/>
            <a:ext cx="9144000" cy="3698958"/>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t>\</a:t>
            </a:r>
            <a:endParaRPr lang="en-AU"/>
          </a:p>
        </p:txBody>
      </p:sp>
      <p:sp>
        <p:nvSpPr>
          <p:cNvPr id="2" name="Title 1"/>
          <p:cNvSpPr>
            <a:spLocks noGrp="1"/>
          </p:cNvSpPr>
          <p:nvPr>
            <p:ph type="title"/>
          </p:nvPr>
        </p:nvSpPr>
        <p:spPr/>
        <p:txBody>
          <a:bodyPr/>
          <a:lstStyle/>
          <a:p>
            <a:r>
              <a:rPr lang="en-US"/>
              <a:t>Key operating principles</a:t>
            </a:r>
            <a:endParaRPr lang="en-AU"/>
          </a:p>
        </p:txBody>
      </p:sp>
      <p:sp>
        <p:nvSpPr>
          <p:cNvPr id="36" name="Text Placeholder 35"/>
          <p:cNvSpPr>
            <a:spLocks noGrp="1"/>
          </p:cNvSpPr>
          <p:nvPr>
            <p:ph type="body" sz="quarter" idx="14"/>
          </p:nvPr>
        </p:nvSpPr>
        <p:spPr/>
        <p:txBody>
          <a:bodyPr>
            <a:normAutofit/>
          </a:bodyPr>
          <a:lstStyle/>
          <a:p>
            <a:r>
              <a:rPr lang="en-AU" dirty="0"/>
              <a:t>Philanthropy inquiry webinar</a:t>
            </a:r>
          </a:p>
        </p:txBody>
      </p:sp>
      <p:sp>
        <p:nvSpPr>
          <p:cNvPr id="5" name="Slide Number Placeholder 4"/>
          <p:cNvSpPr>
            <a:spLocks noGrp="1"/>
          </p:cNvSpPr>
          <p:nvPr>
            <p:ph type="sldNum" sz="quarter" idx="4"/>
          </p:nvPr>
        </p:nvSpPr>
        <p:spPr/>
        <p:txBody>
          <a:bodyPr/>
          <a:lstStyle/>
          <a:p>
            <a:fld id="{8A657B52-D046-4802-A3DE-55E7ED70298C}" type="slidenum">
              <a:rPr lang="en-AU" smtClean="0"/>
              <a:pPr/>
              <a:t>4</a:t>
            </a:fld>
            <a:endParaRPr lang="en-AU"/>
          </a:p>
        </p:txBody>
      </p:sp>
      <p:grpSp>
        <p:nvGrpSpPr>
          <p:cNvPr id="4" name="Group 3" descr="This slide outlines the key operating principles of the Productivity Commission. These are that it is open and transparent, public consultation, education and inform, testing policy ideas, evidence based and independent. It adopts an economy and community-wide perspective. ">
            <a:extLst>
              <a:ext uri="{FF2B5EF4-FFF2-40B4-BE49-F238E27FC236}">
                <a16:creationId xmlns:a16="http://schemas.microsoft.com/office/drawing/2014/main" id="{59924141-5050-346D-EC2A-E158E67DE367}"/>
              </a:ext>
            </a:extLst>
          </p:cNvPr>
          <p:cNvGrpSpPr/>
          <p:nvPr/>
        </p:nvGrpSpPr>
        <p:grpSpPr>
          <a:xfrm>
            <a:off x="470766" y="1030854"/>
            <a:ext cx="8515846" cy="3068057"/>
            <a:chOff x="470766" y="1030854"/>
            <a:chExt cx="8515846" cy="3068057"/>
          </a:xfrm>
        </p:grpSpPr>
        <p:sp>
          <p:nvSpPr>
            <p:cNvPr id="3" name="Oval 2">
              <a:extLst>
                <a:ext uri="{FF2B5EF4-FFF2-40B4-BE49-F238E27FC236}">
                  <a16:creationId xmlns:a16="http://schemas.microsoft.com/office/drawing/2014/main" id="{82164EFF-C4CC-413F-AC0A-F53DBCF97297}"/>
                </a:ext>
              </a:extLst>
            </p:cNvPr>
            <p:cNvSpPr/>
            <p:nvPr/>
          </p:nvSpPr>
          <p:spPr>
            <a:xfrm>
              <a:off x="2031150" y="1173514"/>
              <a:ext cx="5063760" cy="2852048"/>
            </a:xfrm>
            <a:prstGeom prst="ellipse">
              <a:avLst/>
            </a:prstGeom>
            <a:solidFill>
              <a:srgbClr val="F9F9F9"/>
            </a:solidFill>
            <a:ln w="349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nvGrpSpPr>
            <p:cNvPr id="75" name="Group 74"/>
            <p:cNvGrpSpPr/>
            <p:nvPr/>
          </p:nvGrpSpPr>
          <p:grpSpPr>
            <a:xfrm>
              <a:off x="3651392" y="1666038"/>
              <a:ext cx="1868730" cy="1770357"/>
              <a:chOff x="3083747" y="2679679"/>
              <a:chExt cx="3009232" cy="3145672"/>
            </a:xfrm>
            <a:solidFill>
              <a:schemeClr val="tx2">
                <a:lumMod val="75000"/>
              </a:schemeClr>
            </a:solidFill>
          </p:grpSpPr>
          <p:sp>
            <p:nvSpPr>
              <p:cNvPr id="76" name="Oval 75"/>
              <p:cNvSpPr/>
              <p:nvPr/>
            </p:nvSpPr>
            <p:spPr>
              <a:xfrm>
                <a:off x="3096850" y="2679679"/>
                <a:ext cx="2950050" cy="3145672"/>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77" name="TextBox 76"/>
              <p:cNvSpPr txBox="1"/>
              <p:nvPr/>
            </p:nvSpPr>
            <p:spPr>
              <a:xfrm>
                <a:off x="3083747" y="3467136"/>
                <a:ext cx="3009232" cy="1488836"/>
              </a:xfrm>
              <a:prstGeom prst="rect">
                <a:avLst/>
              </a:prstGeom>
              <a:noFill/>
            </p:spPr>
            <p:txBody>
              <a:bodyPr wrap="square" tIns="144000" rtlCol="0">
                <a:spAutoFit/>
              </a:bodyPr>
              <a:lstStyle/>
              <a:p>
                <a:pPr algn="ctr"/>
                <a:r>
                  <a:rPr lang="en-US" sz="1400" b="1">
                    <a:solidFill>
                      <a:schemeClr val="bg1"/>
                    </a:solidFill>
                    <a:latin typeface="Arial Black" panose="020B0A04020102020204" pitchFamily="34" charset="0"/>
                    <a:cs typeface="Arial" panose="020B0604020202020204" pitchFamily="34" charset="0"/>
                  </a:rPr>
                  <a:t>Economy and community-wide perspective</a:t>
                </a:r>
              </a:p>
            </p:txBody>
          </p:sp>
        </p:grpSp>
        <p:sp>
          <p:nvSpPr>
            <p:cNvPr id="45" name="TextBox 44">
              <a:extLst>
                <a:ext uri="{C183D7F6-B498-43B3-948B-1728B52AA6E4}">
                  <adec:decorative xmlns:adec="http://schemas.microsoft.com/office/drawing/2017/decorative" val="1"/>
                </a:ext>
              </a:extLst>
            </p:cNvPr>
            <p:cNvSpPr txBox="1"/>
            <p:nvPr/>
          </p:nvSpPr>
          <p:spPr>
            <a:xfrm>
              <a:off x="1554344" y="1034741"/>
              <a:ext cx="1467449" cy="527466"/>
            </a:xfrm>
            <a:prstGeom prst="rect">
              <a:avLst/>
            </a:prstGeom>
            <a:solidFill>
              <a:schemeClr val="bg2"/>
            </a:solidFill>
          </p:spPr>
          <p:txBody>
            <a:bodyPr wrap="square" lIns="252000" rtlCol="0" anchor="ctr" anchorCtr="0">
              <a:noAutofit/>
            </a:bodyPr>
            <a:lstStyle/>
            <a:p>
              <a:pPr>
                <a:buClr>
                  <a:schemeClr val="accent1"/>
                </a:buClr>
              </a:pPr>
              <a:r>
                <a:rPr lang="en-AU" sz="1200">
                  <a:solidFill>
                    <a:schemeClr val="bg1"/>
                  </a:solidFill>
                  <a:latin typeface="Arial Black" panose="020B0A04020102020204" pitchFamily="34" charset="0"/>
                  <a:cs typeface="Arial" panose="020B0604020202020204" pitchFamily="34" charset="0"/>
                </a:rPr>
                <a:t>Independent</a:t>
              </a:r>
            </a:p>
          </p:txBody>
        </p:sp>
        <p:sp>
          <p:nvSpPr>
            <p:cNvPr id="103" name="TextBox 102">
              <a:extLst>
                <a:ext uri="{C183D7F6-B498-43B3-948B-1728B52AA6E4}">
                  <adec:decorative xmlns:adec="http://schemas.microsoft.com/office/drawing/2017/decorative" val="1"/>
                </a:ext>
              </a:extLst>
            </p:cNvPr>
            <p:cNvSpPr txBox="1"/>
            <p:nvPr/>
          </p:nvSpPr>
          <p:spPr>
            <a:xfrm>
              <a:off x="5926078" y="1034741"/>
              <a:ext cx="1589932" cy="525286"/>
            </a:xfrm>
            <a:prstGeom prst="rect">
              <a:avLst/>
            </a:prstGeom>
            <a:solidFill>
              <a:schemeClr val="bg2"/>
            </a:solidFill>
          </p:spPr>
          <p:txBody>
            <a:bodyPr wrap="square" lIns="252000" rtlCol="0" anchor="ctr" anchorCtr="0">
              <a:noAutofit/>
            </a:bodyPr>
            <a:lstStyle/>
            <a:p>
              <a:pPr>
                <a:buClr>
                  <a:schemeClr val="accent1"/>
                </a:buClr>
              </a:pPr>
              <a:r>
                <a:rPr lang="en-AU" sz="1200">
                  <a:solidFill>
                    <a:schemeClr val="bg1"/>
                  </a:solidFill>
                  <a:latin typeface="Arial Black" panose="020B0A04020102020204" pitchFamily="34" charset="0"/>
                  <a:cs typeface="Arial" panose="020B0604020202020204" pitchFamily="34" charset="0"/>
                </a:rPr>
                <a:t>Open and transparent</a:t>
              </a:r>
            </a:p>
          </p:txBody>
        </p:sp>
        <p:sp>
          <p:nvSpPr>
            <p:cNvPr id="123" name="TextBox 122">
              <a:extLst>
                <a:ext uri="{C183D7F6-B498-43B3-948B-1728B52AA6E4}">
                  <adec:decorative xmlns:adec="http://schemas.microsoft.com/office/drawing/2017/decorative" val="1"/>
                </a:ext>
              </a:extLst>
            </p:cNvPr>
            <p:cNvSpPr txBox="1"/>
            <p:nvPr/>
          </p:nvSpPr>
          <p:spPr>
            <a:xfrm>
              <a:off x="7396680" y="2281217"/>
              <a:ext cx="1589932" cy="540000"/>
            </a:xfrm>
            <a:prstGeom prst="rect">
              <a:avLst/>
            </a:prstGeom>
            <a:solidFill>
              <a:schemeClr val="bg2"/>
            </a:solidFill>
          </p:spPr>
          <p:txBody>
            <a:bodyPr wrap="square" lIns="252000" rtlCol="0" anchor="ctr" anchorCtr="0">
              <a:noAutofit/>
            </a:bodyPr>
            <a:lstStyle/>
            <a:p>
              <a:pPr>
                <a:buClr>
                  <a:schemeClr val="accent1"/>
                </a:buClr>
              </a:pPr>
              <a:r>
                <a:rPr lang="en-AU" sz="1200" dirty="0">
                  <a:solidFill>
                    <a:schemeClr val="bg1"/>
                  </a:solidFill>
                  <a:latin typeface="Arial Black" panose="020B0A04020102020204" pitchFamily="34" charset="0"/>
                  <a:cs typeface="Arial" panose="020B0604020202020204" pitchFamily="34" charset="0"/>
                </a:rPr>
                <a:t>Public consultation</a:t>
              </a:r>
            </a:p>
          </p:txBody>
        </p:sp>
        <p:sp>
          <p:nvSpPr>
            <p:cNvPr id="124" name="TextBox 123"/>
            <p:cNvSpPr txBox="1"/>
            <p:nvPr/>
          </p:nvSpPr>
          <p:spPr>
            <a:xfrm>
              <a:off x="470766" y="2270299"/>
              <a:ext cx="1417146" cy="527465"/>
            </a:xfrm>
            <a:prstGeom prst="rect">
              <a:avLst/>
            </a:prstGeom>
            <a:solidFill>
              <a:schemeClr val="bg2"/>
            </a:solidFill>
          </p:spPr>
          <p:txBody>
            <a:bodyPr wrap="square" lIns="252000" rtlCol="0" anchor="ctr" anchorCtr="0">
              <a:noAutofit/>
            </a:bodyPr>
            <a:lstStyle/>
            <a:p>
              <a:pPr>
                <a:buClr>
                  <a:schemeClr val="accent1"/>
                </a:buClr>
              </a:pPr>
              <a:r>
                <a:rPr lang="en-AU" sz="1200">
                  <a:solidFill>
                    <a:schemeClr val="bg1"/>
                  </a:solidFill>
                  <a:latin typeface="Arial Black" panose="020B0A04020102020204" pitchFamily="34" charset="0"/>
                  <a:cs typeface="Arial" panose="020B0604020202020204" pitchFamily="34" charset="0"/>
                </a:rPr>
                <a:t>Evidence based</a:t>
              </a:r>
            </a:p>
          </p:txBody>
        </p:sp>
        <p:sp>
          <p:nvSpPr>
            <p:cNvPr id="132" name="TextBox 131">
              <a:extLst>
                <a:ext uri="{C183D7F6-B498-43B3-948B-1728B52AA6E4}">
                  <adec:decorative xmlns:adec="http://schemas.microsoft.com/office/drawing/2017/decorative" val="1"/>
                </a:ext>
              </a:extLst>
            </p:cNvPr>
            <p:cNvSpPr txBox="1"/>
            <p:nvPr/>
          </p:nvSpPr>
          <p:spPr>
            <a:xfrm>
              <a:off x="5926078" y="3553879"/>
              <a:ext cx="1589932" cy="534767"/>
            </a:xfrm>
            <a:prstGeom prst="rect">
              <a:avLst/>
            </a:prstGeom>
            <a:solidFill>
              <a:schemeClr val="bg2"/>
            </a:solidFill>
          </p:spPr>
          <p:txBody>
            <a:bodyPr wrap="square" lIns="252000" rtlCol="0" anchor="ctr" anchorCtr="0">
              <a:noAutofit/>
            </a:bodyPr>
            <a:lstStyle/>
            <a:p>
              <a:pPr>
                <a:buClr>
                  <a:schemeClr val="accent1"/>
                </a:buClr>
              </a:pPr>
              <a:r>
                <a:rPr lang="en-AU" sz="1200">
                  <a:solidFill>
                    <a:schemeClr val="bg1"/>
                  </a:solidFill>
                  <a:latin typeface="Arial Black" panose="020B0A04020102020204" pitchFamily="34" charset="0"/>
                  <a:cs typeface="Arial" panose="020B0604020202020204" pitchFamily="34" charset="0"/>
                </a:rPr>
                <a:t>Educate and inform</a:t>
              </a:r>
            </a:p>
          </p:txBody>
        </p:sp>
        <p:grpSp>
          <p:nvGrpSpPr>
            <p:cNvPr id="46" name="Group 45">
              <a:extLst>
                <a:ext uri="{FF2B5EF4-FFF2-40B4-BE49-F238E27FC236}">
                  <a16:creationId xmlns:a16="http://schemas.microsoft.com/office/drawing/2014/main" id="{84111137-EEBD-4C03-AF66-931F7854B9E7}"/>
                </a:ext>
              </a:extLst>
            </p:cNvPr>
            <p:cNvGrpSpPr/>
            <p:nvPr/>
          </p:nvGrpSpPr>
          <p:grpSpPr>
            <a:xfrm>
              <a:off x="1543900" y="3558912"/>
              <a:ext cx="2071623" cy="539999"/>
              <a:chOff x="1543900" y="3602454"/>
              <a:chExt cx="2071623" cy="539999"/>
            </a:xfrm>
          </p:grpSpPr>
          <p:sp>
            <p:nvSpPr>
              <p:cNvPr id="140" name="TextBox 139"/>
              <p:cNvSpPr txBox="1"/>
              <p:nvPr/>
            </p:nvSpPr>
            <p:spPr>
              <a:xfrm>
                <a:off x="1543900" y="3602454"/>
                <a:ext cx="1416218" cy="539999"/>
              </a:xfrm>
              <a:prstGeom prst="rect">
                <a:avLst/>
              </a:prstGeom>
              <a:solidFill>
                <a:schemeClr val="bg2"/>
              </a:solidFill>
            </p:spPr>
            <p:txBody>
              <a:bodyPr wrap="square" lIns="252000" rtlCol="0" anchor="ctr" anchorCtr="0">
                <a:noAutofit/>
              </a:bodyPr>
              <a:lstStyle/>
              <a:p>
                <a:pPr>
                  <a:buClr>
                    <a:schemeClr val="accent1"/>
                  </a:buClr>
                </a:pPr>
                <a:r>
                  <a:rPr lang="en-AU" sz="1200">
                    <a:solidFill>
                      <a:schemeClr val="bg1"/>
                    </a:solidFill>
                    <a:latin typeface="Arial Black" panose="020B0A04020102020204" pitchFamily="34" charset="0"/>
                    <a:cs typeface="Arial" panose="020B0604020202020204" pitchFamily="34" charset="0"/>
                  </a:rPr>
                  <a:t>Testing policy ideas</a:t>
                </a:r>
              </a:p>
            </p:txBody>
          </p:sp>
          <p:sp>
            <p:nvSpPr>
              <p:cNvPr id="6" name="Rectangle 5">
                <a:extLst>
                  <a:ext uri="{FF2B5EF4-FFF2-40B4-BE49-F238E27FC236}">
                    <a16:creationId xmlns:a16="http://schemas.microsoft.com/office/drawing/2014/main" id="{019D71A4-2166-445D-BCAC-24E6867A4D98}"/>
                  </a:ext>
                </a:extLst>
              </p:cNvPr>
              <p:cNvSpPr/>
              <p:nvPr/>
            </p:nvSpPr>
            <p:spPr>
              <a:xfrm>
                <a:off x="2960118" y="3602454"/>
                <a:ext cx="655405" cy="534407"/>
              </a:xfrm>
              <a:prstGeom prst="rect">
                <a:avLst/>
              </a:prstGeom>
              <a:solidFill>
                <a:schemeClr val="tx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nvGrpSpPr>
              <p:cNvPr id="64" name="Group 63">
                <a:extLst>
                  <a:ext uri="{FF2B5EF4-FFF2-40B4-BE49-F238E27FC236}">
                    <a16:creationId xmlns:a16="http://schemas.microsoft.com/office/drawing/2014/main" id="{8261D140-3AFD-45DC-8DE9-88D8A8ABF44B}"/>
                  </a:ext>
                </a:extLst>
              </p:cNvPr>
              <p:cNvGrpSpPr/>
              <p:nvPr/>
            </p:nvGrpSpPr>
            <p:grpSpPr>
              <a:xfrm>
                <a:off x="3078616" y="3680784"/>
                <a:ext cx="418848" cy="419239"/>
                <a:chOff x="1796235" y="2188591"/>
                <a:chExt cx="418848" cy="419239"/>
              </a:xfrm>
            </p:grpSpPr>
            <p:sp>
              <p:nvSpPr>
                <p:cNvPr id="65" name="Graphic 2">
                  <a:extLst>
                    <a:ext uri="{FF2B5EF4-FFF2-40B4-BE49-F238E27FC236}">
                      <a16:creationId xmlns:a16="http://schemas.microsoft.com/office/drawing/2014/main" id="{2565B9A6-9D25-46F8-88ED-A3D0804AC056}"/>
                    </a:ext>
                  </a:extLst>
                </p:cNvPr>
                <p:cNvSpPr/>
                <p:nvPr/>
              </p:nvSpPr>
              <p:spPr>
                <a:xfrm>
                  <a:off x="1800320" y="2199544"/>
                  <a:ext cx="266795" cy="261556"/>
                </a:xfrm>
                <a:custGeom>
                  <a:avLst/>
                  <a:gdLst>
                    <a:gd name="connsiteX0" fmla="*/ 148685 w 266795"/>
                    <a:gd name="connsiteY0" fmla="*/ 0 h 261556"/>
                    <a:gd name="connsiteX1" fmla="*/ 157734 w 266795"/>
                    <a:gd name="connsiteY1" fmla="*/ 21336 h 261556"/>
                    <a:gd name="connsiteX2" fmla="*/ 176689 w 266795"/>
                    <a:gd name="connsiteY2" fmla="*/ 28766 h 261556"/>
                    <a:gd name="connsiteX3" fmla="*/ 197358 w 266795"/>
                    <a:gd name="connsiteY3" fmla="*/ 14383 h 261556"/>
                    <a:gd name="connsiteX4" fmla="*/ 223837 w 266795"/>
                    <a:gd name="connsiteY4" fmla="*/ 31909 h 261556"/>
                    <a:gd name="connsiteX5" fmla="*/ 217456 w 266795"/>
                    <a:gd name="connsiteY5" fmla="*/ 56769 h 261556"/>
                    <a:gd name="connsiteX6" fmla="*/ 230219 w 266795"/>
                    <a:gd name="connsiteY6" fmla="*/ 75819 h 261556"/>
                    <a:gd name="connsiteX7" fmla="*/ 258223 w 266795"/>
                    <a:gd name="connsiteY7" fmla="*/ 75819 h 261556"/>
                    <a:gd name="connsiteX8" fmla="*/ 263557 w 266795"/>
                    <a:gd name="connsiteY8" fmla="*/ 101727 h 261556"/>
                    <a:gd name="connsiteX9" fmla="*/ 246602 w 266795"/>
                    <a:gd name="connsiteY9" fmla="*/ 118682 h 261556"/>
                    <a:gd name="connsiteX10" fmla="*/ 247650 w 266795"/>
                    <a:gd name="connsiteY10" fmla="*/ 144590 h 261556"/>
                    <a:gd name="connsiteX11" fmla="*/ 266795 w 266795"/>
                    <a:gd name="connsiteY11" fmla="*/ 153638 h 261556"/>
                    <a:gd name="connsiteX12" fmla="*/ 258794 w 266795"/>
                    <a:gd name="connsiteY12" fmla="*/ 184309 h 261556"/>
                    <a:gd name="connsiteX13" fmla="*/ 229172 w 266795"/>
                    <a:gd name="connsiteY13" fmla="*/ 189071 h 261556"/>
                    <a:gd name="connsiteX14" fmla="*/ 219647 w 266795"/>
                    <a:gd name="connsiteY14" fmla="*/ 205454 h 261556"/>
                    <a:gd name="connsiteX15" fmla="*/ 222790 w 266795"/>
                    <a:gd name="connsiteY15" fmla="*/ 227171 h 261556"/>
                    <a:gd name="connsiteX16" fmla="*/ 201644 w 266795"/>
                    <a:gd name="connsiteY16" fmla="*/ 246221 h 261556"/>
                    <a:gd name="connsiteX17" fmla="*/ 172022 w 266795"/>
                    <a:gd name="connsiteY17" fmla="*/ 234029 h 261556"/>
                    <a:gd name="connsiteX18" fmla="*/ 154495 w 266795"/>
                    <a:gd name="connsiteY18" fmla="*/ 239363 h 261556"/>
                    <a:gd name="connsiteX19" fmla="*/ 148685 w 266795"/>
                    <a:gd name="connsiteY19" fmla="*/ 261557 h 261556"/>
                    <a:gd name="connsiteX20" fmla="*/ 115919 w 266795"/>
                    <a:gd name="connsiteY20" fmla="*/ 261557 h 261556"/>
                    <a:gd name="connsiteX21" fmla="*/ 107918 w 266795"/>
                    <a:gd name="connsiteY21" fmla="*/ 240411 h 261556"/>
                    <a:gd name="connsiteX22" fmla="*/ 87725 w 266795"/>
                    <a:gd name="connsiteY22" fmla="*/ 232982 h 261556"/>
                    <a:gd name="connsiteX23" fmla="*/ 69723 w 266795"/>
                    <a:gd name="connsiteY23" fmla="*/ 244602 h 261556"/>
                    <a:gd name="connsiteX24" fmla="*/ 41243 w 266795"/>
                    <a:gd name="connsiteY24" fmla="*/ 227743 h 261556"/>
                    <a:gd name="connsiteX25" fmla="*/ 48673 w 266795"/>
                    <a:gd name="connsiteY25" fmla="*/ 206026 h 261556"/>
                    <a:gd name="connsiteX26" fmla="*/ 34957 w 266795"/>
                    <a:gd name="connsiteY26" fmla="*/ 186976 h 261556"/>
                    <a:gd name="connsiteX27" fmla="*/ 9239 w 266795"/>
                    <a:gd name="connsiteY27" fmla="*/ 185357 h 261556"/>
                    <a:gd name="connsiteX28" fmla="*/ 0 w 266795"/>
                    <a:gd name="connsiteY28" fmla="*/ 150971 h 261556"/>
                    <a:gd name="connsiteX29" fmla="*/ 24384 w 266795"/>
                    <a:gd name="connsiteY29" fmla="*/ 134493 h 261556"/>
                    <a:gd name="connsiteX30" fmla="*/ 21717 w 266795"/>
                    <a:gd name="connsiteY30" fmla="*/ 116015 h 261556"/>
                    <a:gd name="connsiteX31" fmla="*/ 0 w 266795"/>
                    <a:gd name="connsiteY31" fmla="*/ 108680 h 261556"/>
                    <a:gd name="connsiteX32" fmla="*/ 9239 w 266795"/>
                    <a:gd name="connsiteY32" fmla="*/ 78962 h 261556"/>
                    <a:gd name="connsiteX33" fmla="*/ 39148 w 266795"/>
                    <a:gd name="connsiteY33" fmla="*/ 75343 h 261556"/>
                    <a:gd name="connsiteX34" fmla="*/ 50292 w 266795"/>
                    <a:gd name="connsiteY34" fmla="*/ 55150 h 261556"/>
                    <a:gd name="connsiteX35" fmla="*/ 40767 w 266795"/>
                    <a:gd name="connsiteY35" fmla="*/ 30861 h 261556"/>
                    <a:gd name="connsiteX36" fmla="*/ 73057 w 266795"/>
                    <a:gd name="connsiteY36" fmla="*/ 14478 h 261556"/>
                    <a:gd name="connsiteX37" fmla="*/ 97345 w 266795"/>
                    <a:gd name="connsiteY37" fmla="*/ 32480 h 261556"/>
                    <a:gd name="connsiteX38" fmla="*/ 112681 w 266795"/>
                    <a:gd name="connsiteY38" fmla="*/ 22955 h 261556"/>
                    <a:gd name="connsiteX39" fmla="*/ 116967 w 266795"/>
                    <a:gd name="connsiteY39" fmla="*/ 0 h 261556"/>
                    <a:gd name="connsiteX40" fmla="*/ 148685 w 266795"/>
                    <a:gd name="connsiteY40" fmla="*/ 0 h 2615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266795" h="261556">
                      <a:moveTo>
                        <a:pt x="148685" y="0"/>
                      </a:moveTo>
                      <a:lnTo>
                        <a:pt x="157734" y="21336"/>
                      </a:lnTo>
                      <a:lnTo>
                        <a:pt x="176689" y="28766"/>
                      </a:lnTo>
                      <a:lnTo>
                        <a:pt x="197358" y="14383"/>
                      </a:lnTo>
                      <a:lnTo>
                        <a:pt x="223837" y="31909"/>
                      </a:lnTo>
                      <a:lnTo>
                        <a:pt x="217456" y="56769"/>
                      </a:lnTo>
                      <a:lnTo>
                        <a:pt x="230219" y="75819"/>
                      </a:lnTo>
                      <a:lnTo>
                        <a:pt x="258223" y="75819"/>
                      </a:lnTo>
                      <a:lnTo>
                        <a:pt x="263557" y="101727"/>
                      </a:lnTo>
                      <a:lnTo>
                        <a:pt x="246602" y="118682"/>
                      </a:lnTo>
                      <a:lnTo>
                        <a:pt x="247650" y="144590"/>
                      </a:lnTo>
                      <a:lnTo>
                        <a:pt x="266795" y="153638"/>
                      </a:lnTo>
                      <a:lnTo>
                        <a:pt x="258794" y="184309"/>
                      </a:lnTo>
                      <a:lnTo>
                        <a:pt x="229172" y="189071"/>
                      </a:lnTo>
                      <a:lnTo>
                        <a:pt x="219647" y="205454"/>
                      </a:lnTo>
                      <a:lnTo>
                        <a:pt x="222790" y="227171"/>
                      </a:lnTo>
                      <a:lnTo>
                        <a:pt x="201644" y="246221"/>
                      </a:lnTo>
                      <a:lnTo>
                        <a:pt x="172022" y="234029"/>
                      </a:lnTo>
                      <a:lnTo>
                        <a:pt x="154495" y="239363"/>
                      </a:lnTo>
                      <a:lnTo>
                        <a:pt x="148685" y="261557"/>
                      </a:lnTo>
                      <a:lnTo>
                        <a:pt x="115919" y="261557"/>
                      </a:lnTo>
                      <a:lnTo>
                        <a:pt x="107918" y="240411"/>
                      </a:lnTo>
                      <a:lnTo>
                        <a:pt x="87725" y="232982"/>
                      </a:lnTo>
                      <a:lnTo>
                        <a:pt x="69723" y="244602"/>
                      </a:lnTo>
                      <a:lnTo>
                        <a:pt x="41243" y="227743"/>
                      </a:lnTo>
                      <a:lnTo>
                        <a:pt x="48673" y="206026"/>
                      </a:lnTo>
                      <a:lnTo>
                        <a:pt x="34957" y="186976"/>
                      </a:lnTo>
                      <a:lnTo>
                        <a:pt x="9239" y="185357"/>
                      </a:lnTo>
                      <a:lnTo>
                        <a:pt x="0" y="150971"/>
                      </a:lnTo>
                      <a:lnTo>
                        <a:pt x="24384" y="134493"/>
                      </a:lnTo>
                      <a:lnTo>
                        <a:pt x="21717" y="116015"/>
                      </a:lnTo>
                      <a:lnTo>
                        <a:pt x="0" y="108680"/>
                      </a:lnTo>
                      <a:lnTo>
                        <a:pt x="9239" y="78962"/>
                      </a:lnTo>
                      <a:lnTo>
                        <a:pt x="39148" y="75343"/>
                      </a:lnTo>
                      <a:lnTo>
                        <a:pt x="50292" y="55150"/>
                      </a:lnTo>
                      <a:lnTo>
                        <a:pt x="40767" y="30861"/>
                      </a:lnTo>
                      <a:lnTo>
                        <a:pt x="73057" y="14478"/>
                      </a:lnTo>
                      <a:lnTo>
                        <a:pt x="97345" y="32480"/>
                      </a:lnTo>
                      <a:lnTo>
                        <a:pt x="112681" y="22955"/>
                      </a:lnTo>
                      <a:lnTo>
                        <a:pt x="116967" y="0"/>
                      </a:lnTo>
                      <a:lnTo>
                        <a:pt x="148685" y="0"/>
                      </a:lnTo>
                      <a:close/>
                    </a:path>
                  </a:pathLst>
                </a:custGeom>
                <a:solidFill>
                  <a:srgbClr val="C7E4F1"/>
                </a:solidFill>
                <a:ln w="9525" cap="flat">
                  <a:noFill/>
                  <a:prstDash val="solid"/>
                  <a:miter/>
                </a:ln>
              </p:spPr>
              <p:txBody>
                <a:bodyPr rtlCol="0" anchor="ctr"/>
                <a:lstStyle/>
                <a:p>
                  <a:endParaRPr lang="en-AU"/>
                </a:p>
              </p:txBody>
            </p:sp>
            <p:sp>
              <p:nvSpPr>
                <p:cNvPr id="66" name="Graphic 2">
                  <a:extLst>
                    <a:ext uri="{FF2B5EF4-FFF2-40B4-BE49-F238E27FC236}">
                      <a16:creationId xmlns:a16="http://schemas.microsoft.com/office/drawing/2014/main" id="{ACD1AD20-5FC2-44F9-B9A0-01E74E0A0090}"/>
                    </a:ext>
                  </a:extLst>
                </p:cNvPr>
                <p:cNvSpPr/>
                <p:nvPr/>
              </p:nvSpPr>
              <p:spPr>
                <a:xfrm>
                  <a:off x="1877568" y="2270315"/>
                  <a:ext cx="121729" cy="121729"/>
                </a:xfrm>
                <a:custGeom>
                  <a:avLst/>
                  <a:gdLst>
                    <a:gd name="connsiteX0" fmla="*/ 121729 w 121729"/>
                    <a:gd name="connsiteY0" fmla="*/ 60865 h 121729"/>
                    <a:gd name="connsiteX1" fmla="*/ 60865 w 121729"/>
                    <a:gd name="connsiteY1" fmla="*/ 121730 h 121729"/>
                    <a:gd name="connsiteX2" fmla="*/ 0 w 121729"/>
                    <a:gd name="connsiteY2" fmla="*/ 60865 h 121729"/>
                    <a:gd name="connsiteX3" fmla="*/ 60865 w 121729"/>
                    <a:gd name="connsiteY3" fmla="*/ 0 h 121729"/>
                    <a:gd name="connsiteX4" fmla="*/ 121729 w 121729"/>
                    <a:gd name="connsiteY4" fmla="*/ 60865 h 1217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729" h="121729">
                      <a:moveTo>
                        <a:pt x="121729" y="60865"/>
                      </a:moveTo>
                      <a:cubicBezTo>
                        <a:pt x="121729" y="94479"/>
                        <a:pt x="94479" y="121730"/>
                        <a:pt x="60865" y="121730"/>
                      </a:cubicBezTo>
                      <a:cubicBezTo>
                        <a:pt x="27250" y="121730"/>
                        <a:pt x="0" y="94479"/>
                        <a:pt x="0" y="60865"/>
                      </a:cubicBezTo>
                      <a:cubicBezTo>
                        <a:pt x="0" y="27250"/>
                        <a:pt x="27250" y="0"/>
                        <a:pt x="60865" y="0"/>
                      </a:cubicBezTo>
                      <a:cubicBezTo>
                        <a:pt x="94479" y="0"/>
                        <a:pt x="121729" y="27250"/>
                        <a:pt x="121729" y="60865"/>
                      </a:cubicBezTo>
                      <a:close/>
                    </a:path>
                  </a:pathLst>
                </a:custGeom>
                <a:solidFill>
                  <a:srgbClr val="66B9DA"/>
                </a:solidFill>
                <a:ln w="9525" cap="flat">
                  <a:noFill/>
                  <a:prstDash val="solid"/>
                  <a:miter/>
                </a:ln>
              </p:spPr>
              <p:txBody>
                <a:bodyPr rtlCol="0" anchor="ctr"/>
                <a:lstStyle/>
                <a:p>
                  <a:endParaRPr lang="en-AU"/>
                </a:p>
              </p:txBody>
            </p:sp>
            <p:sp>
              <p:nvSpPr>
                <p:cNvPr id="67" name="Graphic 2">
                  <a:extLst>
                    <a:ext uri="{FF2B5EF4-FFF2-40B4-BE49-F238E27FC236}">
                      <a16:creationId xmlns:a16="http://schemas.microsoft.com/office/drawing/2014/main" id="{F247C96A-B598-46E5-ACB2-CA65BE68274F}"/>
                    </a:ext>
                  </a:extLst>
                </p:cNvPr>
                <p:cNvSpPr/>
                <p:nvPr/>
              </p:nvSpPr>
              <p:spPr>
                <a:xfrm>
                  <a:off x="1796235" y="2188591"/>
                  <a:ext cx="285241" cy="285273"/>
                </a:xfrm>
                <a:custGeom>
                  <a:avLst/>
                  <a:gdLst>
                    <a:gd name="connsiteX0" fmla="*/ 142293 w 285241"/>
                    <a:gd name="connsiteY0" fmla="*/ 285274 h 285273"/>
                    <a:gd name="connsiteX1" fmla="*/ 125339 w 285241"/>
                    <a:gd name="connsiteY1" fmla="*/ 284226 h 285273"/>
                    <a:gd name="connsiteX2" fmla="*/ 117718 w 285241"/>
                    <a:gd name="connsiteY2" fmla="*/ 277939 h 285273"/>
                    <a:gd name="connsiteX3" fmla="*/ 112194 w 285241"/>
                    <a:gd name="connsiteY3" fmla="*/ 259747 h 285273"/>
                    <a:gd name="connsiteX4" fmla="*/ 109241 w 285241"/>
                    <a:gd name="connsiteY4" fmla="*/ 256794 h 285273"/>
                    <a:gd name="connsiteX5" fmla="*/ 101240 w 285241"/>
                    <a:gd name="connsiteY5" fmla="*/ 254222 h 285273"/>
                    <a:gd name="connsiteX6" fmla="*/ 99811 w 285241"/>
                    <a:gd name="connsiteY6" fmla="*/ 254222 h 285273"/>
                    <a:gd name="connsiteX7" fmla="*/ 97144 w 285241"/>
                    <a:gd name="connsiteY7" fmla="*/ 255079 h 285273"/>
                    <a:gd name="connsiteX8" fmla="*/ 81714 w 285241"/>
                    <a:gd name="connsiteY8" fmla="*/ 266795 h 285273"/>
                    <a:gd name="connsiteX9" fmla="*/ 76189 w 285241"/>
                    <a:gd name="connsiteY9" fmla="*/ 268700 h 285273"/>
                    <a:gd name="connsiteX10" fmla="*/ 71903 w 285241"/>
                    <a:gd name="connsiteY10" fmla="*/ 267557 h 285273"/>
                    <a:gd name="connsiteX11" fmla="*/ 43900 w 285241"/>
                    <a:gd name="connsiteY11" fmla="*/ 247650 h 285273"/>
                    <a:gd name="connsiteX12" fmla="*/ 41423 w 285241"/>
                    <a:gd name="connsiteY12" fmla="*/ 238125 h 285273"/>
                    <a:gd name="connsiteX13" fmla="*/ 47805 w 285241"/>
                    <a:gd name="connsiteY13" fmla="*/ 220313 h 285273"/>
                    <a:gd name="connsiteX14" fmla="*/ 47138 w 285241"/>
                    <a:gd name="connsiteY14" fmla="*/ 216122 h 285273"/>
                    <a:gd name="connsiteX15" fmla="*/ 42376 w 285241"/>
                    <a:gd name="connsiteY15" fmla="*/ 209741 h 285273"/>
                    <a:gd name="connsiteX16" fmla="*/ 38756 w 285241"/>
                    <a:gd name="connsiteY16" fmla="*/ 207835 h 285273"/>
                    <a:gd name="connsiteX17" fmla="*/ 19135 w 285241"/>
                    <a:gd name="connsiteY17" fmla="*/ 208502 h 285273"/>
                    <a:gd name="connsiteX18" fmla="*/ 19135 w 285241"/>
                    <a:gd name="connsiteY18" fmla="*/ 208502 h 285273"/>
                    <a:gd name="connsiteX19" fmla="*/ 10943 w 285241"/>
                    <a:gd name="connsiteY19" fmla="*/ 203359 h 285273"/>
                    <a:gd name="connsiteX20" fmla="*/ 180 w 285241"/>
                    <a:gd name="connsiteY20" fmla="*/ 170879 h 285273"/>
                    <a:gd name="connsiteX21" fmla="*/ 3895 w 285241"/>
                    <a:gd name="connsiteY21" fmla="*/ 161354 h 285273"/>
                    <a:gd name="connsiteX22" fmla="*/ 19897 w 285241"/>
                    <a:gd name="connsiteY22" fmla="*/ 150590 h 285273"/>
                    <a:gd name="connsiteX23" fmla="*/ 21802 w 285241"/>
                    <a:gd name="connsiteY23" fmla="*/ 146875 h 285273"/>
                    <a:gd name="connsiteX24" fmla="*/ 21802 w 285241"/>
                    <a:gd name="connsiteY24" fmla="*/ 142970 h 285273"/>
                    <a:gd name="connsiteX25" fmla="*/ 21802 w 285241"/>
                    <a:gd name="connsiteY25" fmla="*/ 139065 h 285273"/>
                    <a:gd name="connsiteX26" fmla="*/ 19801 w 285241"/>
                    <a:gd name="connsiteY26" fmla="*/ 135350 h 285273"/>
                    <a:gd name="connsiteX27" fmla="*/ 3990 w 285241"/>
                    <a:gd name="connsiteY27" fmla="*/ 124587 h 285273"/>
                    <a:gd name="connsiteX28" fmla="*/ 180 w 285241"/>
                    <a:gd name="connsiteY28" fmla="*/ 115062 h 285273"/>
                    <a:gd name="connsiteX29" fmla="*/ 10848 w 285241"/>
                    <a:gd name="connsiteY29" fmla="*/ 82582 h 285273"/>
                    <a:gd name="connsiteX30" fmla="*/ 19420 w 285241"/>
                    <a:gd name="connsiteY30" fmla="*/ 77438 h 285273"/>
                    <a:gd name="connsiteX31" fmla="*/ 38470 w 285241"/>
                    <a:gd name="connsiteY31" fmla="*/ 77914 h 285273"/>
                    <a:gd name="connsiteX32" fmla="*/ 42090 w 285241"/>
                    <a:gd name="connsiteY32" fmla="*/ 76009 h 285273"/>
                    <a:gd name="connsiteX33" fmla="*/ 46852 w 285241"/>
                    <a:gd name="connsiteY33" fmla="*/ 69533 h 285273"/>
                    <a:gd name="connsiteX34" fmla="*/ 47519 w 285241"/>
                    <a:gd name="connsiteY34" fmla="*/ 65342 h 285273"/>
                    <a:gd name="connsiteX35" fmla="*/ 41042 w 285241"/>
                    <a:gd name="connsiteY35" fmla="*/ 47625 h 285273"/>
                    <a:gd name="connsiteX36" fmla="*/ 43328 w 285241"/>
                    <a:gd name="connsiteY36" fmla="*/ 38100 h 285273"/>
                    <a:gd name="connsiteX37" fmla="*/ 71332 w 285241"/>
                    <a:gd name="connsiteY37" fmla="*/ 18002 h 285273"/>
                    <a:gd name="connsiteX38" fmla="*/ 75713 w 285241"/>
                    <a:gd name="connsiteY38" fmla="*/ 16859 h 285273"/>
                    <a:gd name="connsiteX39" fmla="*/ 81047 w 285241"/>
                    <a:gd name="connsiteY39" fmla="*/ 18669 h 285273"/>
                    <a:gd name="connsiteX40" fmla="*/ 96573 w 285241"/>
                    <a:gd name="connsiteY40" fmla="*/ 30289 h 285273"/>
                    <a:gd name="connsiteX41" fmla="*/ 99240 w 285241"/>
                    <a:gd name="connsiteY41" fmla="*/ 31242 h 285273"/>
                    <a:gd name="connsiteX42" fmla="*/ 100764 w 285241"/>
                    <a:gd name="connsiteY42" fmla="*/ 31242 h 285273"/>
                    <a:gd name="connsiteX43" fmla="*/ 108670 w 285241"/>
                    <a:gd name="connsiteY43" fmla="*/ 28670 h 285273"/>
                    <a:gd name="connsiteX44" fmla="*/ 111718 w 285241"/>
                    <a:gd name="connsiteY44" fmla="*/ 25717 h 285273"/>
                    <a:gd name="connsiteX45" fmla="*/ 117052 w 285241"/>
                    <a:gd name="connsiteY45" fmla="*/ 7525 h 285273"/>
                    <a:gd name="connsiteX46" fmla="*/ 124577 w 285241"/>
                    <a:gd name="connsiteY46" fmla="*/ 1143 h 285273"/>
                    <a:gd name="connsiteX47" fmla="*/ 140198 w 285241"/>
                    <a:gd name="connsiteY47" fmla="*/ 0 h 285273"/>
                    <a:gd name="connsiteX48" fmla="*/ 142198 w 285241"/>
                    <a:gd name="connsiteY48" fmla="*/ 0 h 285273"/>
                    <a:gd name="connsiteX49" fmla="*/ 159248 w 285241"/>
                    <a:gd name="connsiteY49" fmla="*/ 1048 h 285273"/>
                    <a:gd name="connsiteX50" fmla="*/ 166868 w 285241"/>
                    <a:gd name="connsiteY50" fmla="*/ 7334 h 285273"/>
                    <a:gd name="connsiteX51" fmla="*/ 172392 w 285241"/>
                    <a:gd name="connsiteY51" fmla="*/ 25527 h 285273"/>
                    <a:gd name="connsiteX52" fmla="*/ 175345 w 285241"/>
                    <a:gd name="connsiteY52" fmla="*/ 28480 h 285273"/>
                    <a:gd name="connsiteX53" fmla="*/ 183346 w 285241"/>
                    <a:gd name="connsiteY53" fmla="*/ 31051 h 285273"/>
                    <a:gd name="connsiteX54" fmla="*/ 184774 w 285241"/>
                    <a:gd name="connsiteY54" fmla="*/ 31051 h 285273"/>
                    <a:gd name="connsiteX55" fmla="*/ 187441 w 285241"/>
                    <a:gd name="connsiteY55" fmla="*/ 30194 h 285273"/>
                    <a:gd name="connsiteX56" fmla="*/ 202872 w 285241"/>
                    <a:gd name="connsiteY56" fmla="*/ 18479 h 285273"/>
                    <a:gd name="connsiteX57" fmla="*/ 208301 w 285241"/>
                    <a:gd name="connsiteY57" fmla="*/ 16573 h 285273"/>
                    <a:gd name="connsiteX58" fmla="*/ 212587 w 285241"/>
                    <a:gd name="connsiteY58" fmla="*/ 17717 h 285273"/>
                    <a:gd name="connsiteX59" fmla="*/ 241162 w 285241"/>
                    <a:gd name="connsiteY59" fmla="*/ 37624 h 285273"/>
                    <a:gd name="connsiteX60" fmla="*/ 243639 w 285241"/>
                    <a:gd name="connsiteY60" fmla="*/ 47149 h 285273"/>
                    <a:gd name="connsiteX61" fmla="*/ 237257 w 285241"/>
                    <a:gd name="connsiteY61" fmla="*/ 64960 h 285273"/>
                    <a:gd name="connsiteX62" fmla="*/ 237924 w 285241"/>
                    <a:gd name="connsiteY62" fmla="*/ 69151 h 285273"/>
                    <a:gd name="connsiteX63" fmla="*/ 242686 w 285241"/>
                    <a:gd name="connsiteY63" fmla="*/ 75533 h 285273"/>
                    <a:gd name="connsiteX64" fmla="*/ 246306 w 285241"/>
                    <a:gd name="connsiteY64" fmla="*/ 77438 h 285273"/>
                    <a:gd name="connsiteX65" fmla="*/ 265927 w 285241"/>
                    <a:gd name="connsiteY65" fmla="*/ 76867 h 285273"/>
                    <a:gd name="connsiteX66" fmla="*/ 265927 w 285241"/>
                    <a:gd name="connsiteY66" fmla="*/ 76867 h 285273"/>
                    <a:gd name="connsiteX67" fmla="*/ 274119 w 285241"/>
                    <a:gd name="connsiteY67" fmla="*/ 81915 h 285273"/>
                    <a:gd name="connsiteX68" fmla="*/ 284882 w 285241"/>
                    <a:gd name="connsiteY68" fmla="*/ 114395 h 285273"/>
                    <a:gd name="connsiteX69" fmla="*/ 281072 w 285241"/>
                    <a:gd name="connsiteY69" fmla="*/ 123920 h 285273"/>
                    <a:gd name="connsiteX70" fmla="*/ 265165 w 285241"/>
                    <a:gd name="connsiteY70" fmla="*/ 134684 h 285273"/>
                    <a:gd name="connsiteX71" fmla="*/ 263260 w 285241"/>
                    <a:gd name="connsiteY71" fmla="*/ 138398 h 285273"/>
                    <a:gd name="connsiteX72" fmla="*/ 263260 w 285241"/>
                    <a:gd name="connsiteY72" fmla="*/ 142304 h 285273"/>
                    <a:gd name="connsiteX73" fmla="*/ 263260 w 285241"/>
                    <a:gd name="connsiteY73" fmla="*/ 146209 h 285273"/>
                    <a:gd name="connsiteX74" fmla="*/ 265261 w 285241"/>
                    <a:gd name="connsiteY74" fmla="*/ 149923 h 285273"/>
                    <a:gd name="connsiteX75" fmla="*/ 281263 w 285241"/>
                    <a:gd name="connsiteY75" fmla="*/ 160687 h 285273"/>
                    <a:gd name="connsiteX76" fmla="*/ 285073 w 285241"/>
                    <a:gd name="connsiteY76" fmla="*/ 170212 h 285273"/>
                    <a:gd name="connsiteX77" fmla="*/ 274405 w 285241"/>
                    <a:gd name="connsiteY77" fmla="*/ 202692 h 285273"/>
                    <a:gd name="connsiteX78" fmla="*/ 266118 w 285241"/>
                    <a:gd name="connsiteY78" fmla="*/ 207931 h 285273"/>
                    <a:gd name="connsiteX79" fmla="*/ 246401 w 285241"/>
                    <a:gd name="connsiteY79" fmla="*/ 207359 h 285273"/>
                    <a:gd name="connsiteX80" fmla="*/ 242782 w 285241"/>
                    <a:gd name="connsiteY80" fmla="*/ 209359 h 285273"/>
                    <a:gd name="connsiteX81" fmla="*/ 238019 w 285241"/>
                    <a:gd name="connsiteY81" fmla="*/ 215646 h 285273"/>
                    <a:gd name="connsiteX82" fmla="*/ 237352 w 285241"/>
                    <a:gd name="connsiteY82" fmla="*/ 219932 h 285273"/>
                    <a:gd name="connsiteX83" fmla="*/ 243829 w 285241"/>
                    <a:gd name="connsiteY83" fmla="*/ 237649 h 285273"/>
                    <a:gd name="connsiteX84" fmla="*/ 241543 w 285241"/>
                    <a:gd name="connsiteY84" fmla="*/ 247174 h 285273"/>
                    <a:gd name="connsiteX85" fmla="*/ 213540 w 285241"/>
                    <a:gd name="connsiteY85" fmla="*/ 267271 h 285273"/>
                    <a:gd name="connsiteX86" fmla="*/ 209158 w 285241"/>
                    <a:gd name="connsiteY86" fmla="*/ 268414 h 285273"/>
                    <a:gd name="connsiteX87" fmla="*/ 203729 w 285241"/>
                    <a:gd name="connsiteY87" fmla="*/ 266605 h 285273"/>
                    <a:gd name="connsiteX88" fmla="*/ 188299 w 285241"/>
                    <a:gd name="connsiteY88" fmla="*/ 254984 h 285273"/>
                    <a:gd name="connsiteX89" fmla="*/ 185632 w 285241"/>
                    <a:gd name="connsiteY89" fmla="*/ 254032 h 285273"/>
                    <a:gd name="connsiteX90" fmla="*/ 184108 w 285241"/>
                    <a:gd name="connsiteY90" fmla="*/ 254032 h 285273"/>
                    <a:gd name="connsiteX91" fmla="*/ 176202 w 285241"/>
                    <a:gd name="connsiteY91" fmla="*/ 256604 h 285273"/>
                    <a:gd name="connsiteX92" fmla="*/ 173154 w 285241"/>
                    <a:gd name="connsiteY92" fmla="*/ 259556 h 285273"/>
                    <a:gd name="connsiteX93" fmla="*/ 167820 w 285241"/>
                    <a:gd name="connsiteY93" fmla="*/ 277749 h 285273"/>
                    <a:gd name="connsiteX94" fmla="*/ 160200 w 285241"/>
                    <a:gd name="connsiteY94" fmla="*/ 284131 h 285273"/>
                    <a:gd name="connsiteX95" fmla="*/ 142864 w 285241"/>
                    <a:gd name="connsiteY95" fmla="*/ 285274 h 285273"/>
                    <a:gd name="connsiteX96" fmla="*/ 97621 w 285241"/>
                    <a:gd name="connsiteY96" fmla="*/ 233934 h 285273"/>
                    <a:gd name="connsiteX97" fmla="*/ 101145 w 285241"/>
                    <a:gd name="connsiteY97" fmla="*/ 234696 h 285273"/>
                    <a:gd name="connsiteX98" fmla="*/ 120195 w 285241"/>
                    <a:gd name="connsiteY98" fmla="*/ 240792 h 285273"/>
                    <a:gd name="connsiteX99" fmla="*/ 126958 w 285241"/>
                    <a:gd name="connsiteY99" fmla="*/ 246983 h 285273"/>
                    <a:gd name="connsiteX100" fmla="*/ 132006 w 285241"/>
                    <a:gd name="connsiteY100" fmla="*/ 263747 h 285273"/>
                    <a:gd name="connsiteX101" fmla="*/ 136006 w 285241"/>
                    <a:gd name="connsiteY101" fmla="*/ 266795 h 285273"/>
                    <a:gd name="connsiteX102" fmla="*/ 142388 w 285241"/>
                    <a:gd name="connsiteY102" fmla="*/ 266795 h 285273"/>
                    <a:gd name="connsiteX103" fmla="*/ 148579 w 285241"/>
                    <a:gd name="connsiteY103" fmla="*/ 266795 h 285273"/>
                    <a:gd name="connsiteX104" fmla="*/ 152580 w 285241"/>
                    <a:gd name="connsiteY104" fmla="*/ 263652 h 285273"/>
                    <a:gd name="connsiteX105" fmla="*/ 157533 w 285241"/>
                    <a:gd name="connsiteY105" fmla="*/ 246888 h 285273"/>
                    <a:gd name="connsiteX106" fmla="*/ 164296 w 285241"/>
                    <a:gd name="connsiteY106" fmla="*/ 240697 h 285273"/>
                    <a:gd name="connsiteX107" fmla="*/ 183346 w 285241"/>
                    <a:gd name="connsiteY107" fmla="*/ 234410 h 285273"/>
                    <a:gd name="connsiteX108" fmla="*/ 186965 w 285241"/>
                    <a:gd name="connsiteY108" fmla="*/ 233743 h 285273"/>
                    <a:gd name="connsiteX109" fmla="*/ 192299 w 285241"/>
                    <a:gd name="connsiteY109" fmla="*/ 235553 h 285273"/>
                    <a:gd name="connsiteX110" fmla="*/ 206682 w 285241"/>
                    <a:gd name="connsiteY110" fmla="*/ 246317 h 285273"/>
                    <a:gd name="connsiteX111" fmla="*/ 209254 w 285241"/>
                    <a:gd name="connsiteY111" fmla="*/ 247174 h 285273"/>
                    <a:gd name="connsiteX112" fmla="*/ 211635 w 285241"/>
                    <a:gd name="connsiteY112" fmla="*/ 246507 h 285273"/>
                    <a:gd name="connsiteX113" fmla="*/ 221636 w 285241"/>
                    <a:gd name="connsiteY113" fmla="*/ 239268 h 285273"/>
                    <a:gd name="connsiteX114" fmla="*/ 223065 w 285241"/>
                    <a:gd name="connsiteY114" fmla="*/ 234315 h 285273"/>
                    <a:gd name="connsiteX115" fmla="*/ 217064 w 285241"/>
                    <a:gd name="connsiteY115" fmla="*/ 218027 h 285273"/>
                    <a:gd name="connsiteX116" fmla="*/ 218874 w 285241"/>
                    <a:gd name="connsiteY116" fmla="*/ 208502 h 285273"/>
                    <a:gd name="connsiteX117" fmla="*/ 230685 w 285241"/>
                    <a:gd name="connsiteY117" fmla="*/ 192500 h 285273"/>
                    <a:gd name="connsiteX118" fmla="*/ 238686 w 285241"/>
                    <a:gd name="connsiteY118" fmla="*/ 188119 h 285273"/>
                    <a:gd name="connsiteX119" fmla="*/ 256783 w 285241"/>
                    <a:gd name="connsiteY119" fmla="*/ 188595 h 285273"/>
                    <a:gd name="connsiteX120" fmla="*/ 260879 w 285241"/>
                    <a:gd name="connsiteY120" fmla="*/ 185738 h 285273"/>
                    <a:gd name="connsiteX121" fmla="*/ 264594 w 285241"/>
                    <a:gd name="connsiteY121" fmla="*/ 174498 h 285273"/>
                    <a:gd name="connsiteX122" fmla="*/ 262784 w 285241"/>
                    <a:gd name="connsiteY122" fmla="*/ 169640 h 285273"/>
                    <a:gd name="connsiteX123" fmla="*/ 248116 w 285241"/>
                    <a:gd name="connsiteY123" fmla="*/ 160115 h 285273"/>
                    <a:gd name="connsiteX124" fmla="*/ 244115 w 285241"/>
                    <a:gd name="connsiteY124" fmla="*/ 151829 h 285273"/>
                    <a:gd name="connsiteX125" fmla="*/ 244591 w 285241"/>
                    <a:gd name="connsiteY125" fmla="*/ 142304 h 285273"/>
                    <a:gd name="connsiteX126" fmla="*/ 244115 w 285241"/>
                    <a:gd name="connsiteY126" fmla="*/ 132779 h 285273"/>
                    <a:gd name="connsiteX127" fmla="*/ 248020 w 285241"/>
                    <a:gd name="connsiteY127" fmla="*/ 124492 h 285273"/>
                    <a:gd name="connsiteX128" fmla="*/ 262594 w 285241"/>
                    <a:gd name="connsiteY128" fmla="*/ 114967 h 285273"/>
                    <a:gd name="connsiteX129" fmla="*/ 264403 w 285241"/>
                    <a:gd name="connsiteY129" fmla="*/ 110109 h 285273"/>
                    <a:gd name="connsiteX130" fmla="*/ 260593 w 285241"/>
                    <a:gd name="connsiteY130" fmla="*/ 98870 h 285273"/>
                    <a:gd name="connsiteX131" fmla="*/ 256498 w 285241"/>
                    <a:gd name="connsiteY131" fmla="*/ 96107 h 285273"/>
                    <a:gd name="connsiteX132" fmla="*/ 238591 w 285241"/>
                    <a:gd name="connsiteY132" fmla="*/ 96679 h 285273"/>
                    <a:gd name="connsiteX133" fmla="*/ 230399 w 285241"/>
                    <a:gd name="connsiteY133" fmla="*/ 92297 h 285273"/>
                    <a:gd name="connsiteX134" fmla="*/ 218493 w 285241"/>
                    <a:gd name="connsiteY134" fmla="*/ 76295 h 285273"/>
                    <a:gd name="connsiteX135" fmla="*/ 216683 w 285241"/>
                    <a:gd name="connsiteY135" fmla="*/ 66770 h 285273"/>
                    <a:gd name="connsiteX136" fmla="*/ 222589 w 285241"/>
                    <a:gd name="connsiteY136" fmla="*/ 50387 h 285273"/>
                    <a:gd name="connsiteX137" fmla="*/ 221160 w 285241"/>
                    <a:gd name="connsiteY137" fmla="*/ 45434 h 285273"/>
                    <a:gd name="connsiteX138" fmla="*/ 211064 w 285241"/>
                    <a:gd name="connsiteY138" fmla="*/ 38386 h 285273"/>
                    <a:gd name="connsiteX139" fmla="*/ 208682 w 285241"/>
                    <a:gd name="connsiteY139" fmla="*/ 37624 h 285273"/>
                    <a:gd name="connsiteX140" fmla="*/ 206015 w 285241"/>
                    <a:gd name="connsiteY140" fmla="*/ 38576 h 285273"/>
                    <a:gd name="connsiteX141" fmla="*/ 191728 w 285241"/>
                    <a:gd name="connsiteY141" fmla="*/ 49435 h 285273"/>
                    <a:gd name="connsiteX142" fmla="*/ 182774 w 285241"/>
                    <a:gd name="connsiteY142" fmla="*/ 50483 h 285273"/>
                    <a:gd name="connsiteX143" fmla="*/ 163724 w 285241"/>
                    <a:gd name="connsiteY143" fmla="*/ 44387 h 285273"/>
                    <a:gd name="connsiteX144" fmla="*/ 156961 w 285241"/>
                    <a:gd name="connsiteY144" fmla="*/ 38195 h 285273"/>
                    <a:gd name="connsiteX145" fmla="*/ 151913 w 285241"/>
                    <a:gd name="connsiteY145" fmla="*/ 21431 h 285273"/>
                    <a:gd name="connsiteX146" fmla="*/ 147913 w 285241"/>
                    <a:gd name="connsiteY146" fmla="*/ 18383 h 285273"/>
                    <a:gd name="connsiteX147" fmla="*/ 142769 w 285241"/>
                    <a:gd name="connsiteY147" fmla="*/ 18383 h 285273"/>
                    <a:gd name="connsiteX148" fmla="*/ 141531 w 285241"/>
                    <a:gd name="connsiteY148" fmla="*/ 18383 h 285273"/>
                    <a:gd name="connsiteX149" fmla="*/ 135340 w 285241"/>
                    <a:gd name="connsiteY149" fmla="*/ 18383 h 285273"/>
                    <a:gd name="connsiteX150" fmla="*/ 131339 w 285241"/>
                    <a:gd name="connsiteY150" fmla="*/ 21526 h 285273"/>
                    <a:gd name="connsiteX151" fmla="*/ 126386 w 285241"/>
                    <a:gd name="connsiteY151" fmla="*/ 38291 h 285273"/>
                    <a:gd name="connsiteX152" fmla="*/ 119623 w 285241"/>
                    <a:gd name="connsiteY152" fmla="*/ 44577 h 285273"/>
                    <a:gd name="connsiteX153" fmla="*/ 100573 w 285241"/>
                    <a:gd name="connsiteY153" fmla="*/ 50768 h 285273"/>
                    <a:gd name="connsiteX154" fmla="*/ 97049 w 285241"/>
                    <a:gd name="connsiteY154" fmla="*/ 51435 h 285273"/>
                    <a:gd name="connsiteX155" fmla="*/ 91620 w 285241"/>
                    <a:gd name="connsiteY155" fmla="*/ 49625 h 285273"/>
                    <a:gd name="connsiteX156" fmla="*/ 77237 w 285241"/>
                    <a:gd name="connsiteY156" fmla="*/ 38862 h 285273"/>
                    <a:gd name="connsiteX157" fmla="*/ 72284 w 285241"/>
                    <a:gd name="connsiteY157" fmla="*/ 38862 h 285273"/>
                    <a:gd name="connsiteX158" fmla="*/ 62283 w 285241"/>
                    <a:gd name="connsiteY158" fmla="*/ 46006 h 285273"/>
                    <a:gd name="connsiteX159" fmla="*/ 60854 w 285241"/>
                    <a:gd name="connsiteY159" fmla="*/ 50959 h 285273"/>
                    <a:gd name="connsiteX160" fmla="*/ 66855 w 285241"/>
                    <a:gd name="connsiteY160" fmla="*/ 67246 h 285273"/>
                    <a:gd name="connsiteX161" fmla="*/ 65045 w 285241"/>
                    <a:gd name="connsiteY161" fmla="*/ 76771 h 285273"/>
                    <a:gd name="connsiteX162" fmla="*/ 53234 w 285241"/>
                    <a:gd name="connsiteY162" fmla="*/ 92869 h 285273"/>
                    <a:gd name="connsiteX163" fmla="*/ 45900 w 285241"/>
                    <a:gd name="connsiteY163" fmla="*/ 97250 h 285273"/>
                    <a:gd name="connsiteX164" fmla="*/ 26850 w 285241"/>
                    <a:gd name="connsiteY164" fmla="*/ 97250 h 285273"/>
                    <a:gd name="connsiteX165" fmla="*/ 22659 w 285241"/>
                    <a:gd name="connsiteY165" fmla="*/ 100013 h 285273"/>
                    <a:gd name="connsiteX166" fmla="*/ 18944 w 285241"/>
                    <a:gd name="connsiteY166" fmla="*/ 111252 h 285273"/>
                    <a:gd name="connsiteX167" fmla="*/ 20754 w 285241"/>
                    <a:gd name="connsiteY167" fmla="*/ 116110 h 285273"/>
                    <a:gd name="connsiteX168" fmla="*/ 35422 w 285241"/>
                    <a:gd name="connsiteY168" fmla="*/ 125635 h 285273"/>
                    <a:gd name="connsiteX169" fmla="*/ 39423 w 285241"/>
                    <a:gd name="connsiteY169" fmla="*/ 133921 h 285273"/>
                    <a:gd name="connsiteX170" fmla="*/ 39423 w 285241"/>
                    <a:gd name="connsiteY170" fmla="*/ 143446 h 285273"/>
                    <a:gd name="connsiteX171" fmla="*/ 39423 w 285241"/>
                    <a:gd name="connsiteY171" fmla="*/ 152971 h 285273"/>
                    <a:gd name="connsiteX172" fmla="*/ 35518 w 285241"/>
                    <a:gd name="connsiteY172" fmla="*/ 161354 h 285273"/>
                    <a:gd name="connsiteX173" fmla="*/ 20944 w 285241"/>
                    <a:gd name="connsiteY173" fmla="*/ 170879 h 285273"/>
                    <a:gd name="connsiteX174" fmla="*/ 19135 w 285241"/>
                    <a:gd name="connsiteY174" fmla="*/ 175736 h 285273"/>
                    <a:gd name="connsiteX175" fmla="*/ 22945 w 285241"/>
                    <a:gd name="connsiteY175" fmla="*/ 186976 h 285273"/>
                    <a:gd name="connsiteX176" fmla="*/ 27040 w 285241"/>
                    <a:gd name="connsiteY176" fmla="*/ 189738 h 285273"/>
                    <a:gd name="connsiteX177" fmla="*/ 45519 w 285241"/>
                    <a:gd name="connsiteY177" fmla="*/ 189167 h 285273"/>
                    <a:gd name="connsiteX178" fmla="*/ 53139 w 285241"/>
                    <a:gd name="connsiteY178" fmla="*/ 193548 h 285273"/>
                    <a:gd name="connsiteX179" fmla="*/ 65045 w 285241"/>
                    <a:gd name="connsiteY179" fmla="*/ 209550 h 285273"/>
                    <a:gd name="connsiteX180" fmla="*/ 66855 w 285241"/>
                    <a:gd name="connsiteY180" fmla="*/ 219075 h 285273"/>
                    <a:gd name="connsiteX181" fmla="*/ 60949 w 285241"/>
                    <a:gd name="connsiteY181" fmla="*/ 235458 h 285273"/>
                    <a:gd name="connsiteX182" fmla="*/ 62378 w 285241"/>
                    <a:gd name="connsiteY182" fmla="*/ 240411 h 285273"/>
                    <a:gd name="connsiteX183" fmla="*/ 72475 w 285241"/>
                    <a:gd name="connsiteY183" fmla="*/ 247459 h 285273"/>
                    <a:gd name="connsiteX184" fmla="*/ 74856 w 285241"/>
                    <a:gd name="connsiteY184" fmla="*/ 248221 h 285273"/>
                    <a:gd name="connsiteX185" fmla="*/ 77523 w 285241"/>
                    <a:gd name="connsiteY185" fmla="*/ 247269 h 285273"/>
                    <a:gd name="connsiteX186" fmla="*/ 91715 w 285241"/>
                    <a:gd name="connsiteY186" fmla="*/ 236506 h 285273"/>
                    <a:gd name="connsiteX187" fmla="*/ 97621 w 285241"/>
                    <a:gd name="connsiteY187" fmla="*/ 233934 h 2852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Lst>
                  <a:rect l="l" t="t" r="r" b="b"/>
                  <a:pathLst>
                    <a:path w="285241" h="285273">
                      <a:moveTo>
                        <a:pt x="142293" y="285274"/>
                      </a:moveTo>
                      <a:cubicBezTo>
                        <a:pt x="136626" y="285255"/>
                        <a:pt x="130968" y="284902"/>
                        <a:pt x="125339" y="284226"/>
                      </a:cubicBezTo>
                      <a:cubicBezTo>
                        <a:pt x="121757" y="283874"/>
                        <a:pt x="118747" y="281387"/>
                        <a:pt x="117718" y="277939"/>
                      </a:cubicBezTo>
                      <a:lnTo>
                        <a:pt x="112194" y="259747"/>
                      </a:lnTo>
                      <a:cubicBezTo>
                        <a:pt x="111803" y="258309"/>
                        <a:pt x="110680" y="257184"/>
                        <a:pt x="109241" y="256794"/>
                      </a:cubicBezTo>
                      <a:lnTo>
                        <a:pt x="101240" y="254222"/>
                      </a:lnTo>
                      <a:lnTo>
                        <a:pt x="99811" y="254222"/>
                      </a:lnTo>
                      <a:cubicBezTo>
                        <a:pt x="98849" y="254213"/>
                        <a:pt x="97916" y="254517"/>
                        <a:pt x="97144" y="255079"/>
                      </a:cubicBezTo>
                      <a:lnTo>
                        <a:pt x="81714" y="266795"/>
                      </a:lnTo>
                      <a:cubicBezTo>
                        <a:pt x="80114" y="267995"/>
                        <a:pt x="78190" y="268662"/>
                        <a:pt x="76189" y="268700"/>
                      </a:cubicBezTo>
                      <a:cubicBezTo>
                        <a:pt x="74684" y="268691"/>
                        <a:pt x="73208" y="268300"/>
                        <a:pt x="71903" y="267557"/>
                      </a:cubicBezTo>
                      <a:cubicBezTo>
                        <a:pt x="61807" y="262061"/>
                        <a:pt x="52406" y="255384"/>
                        <a:pt x="43900" y="247650"/>
                      </a:cubicBezTo>
                      <a:cubicBezTo>
                        <a:pt x="41242" y="245250"/>
                        <a:pt x="40271" y="241506"/>
                        <a:pt x="41423" y="238125"/>
                      </a:cubicBezTo>
                      <a:lnTo>
                        <a:pt x="47805" y="220313"/>
                      </a:lnTo>
                      <a:cubicBezTo>
                        <a:pt x="48357" y="218894"/>
                        <a:pt x="48100" y="217294"/>
                        <a:pt x="47138" y="216122"/>
                      </a:cubicBezTo>
                      <a:cubicBezTo>
                        <a:pt x="45519" y="214027"/>
                        <a:pt x="43900" y="211931"/>
                        <a:pt x="42376" y="209741"/>
                      </a:cubicBezTo>
                      <a:cubicBezTo>
                        <a:pt x="41547" y="208559"/>
                        <a:pt x="40195" y="207854"/>
                        <a:pt x="38756" y="207835"/>
                      </a:cubicBezTo>
                      <a:lnTo>
                        <a:pt x="19135" y="208502"/>
                      </a:lnTo>
                      <a:lnTo>
                        <a:pt x="19135" y="208502"/>
                      </a:lnTo>
                      <a:cubicBezTo>
                        <a:pt x="15668" y="208407"/>
                        <a:pt x="12534" y="206435"/>
                        <a:pt x="10943" y="203359"/>
                      </a:cubicBezTo>
                      <a:cubicBezTo>
                        <a:pt x="6095" y="192995"/>
                        <a:pt x="2485" y="182089"/>
                        <a:pt x="180" y="170879"/>
                      </a:cubicBezTo>
                      <a:cubicBezTo>
                        <a:pt x="-534" y="167249"/>
                        <a:pt x="913" y="163535"/>
                        <a:pt x="3895" y="161354"/>
                      </a:cubicBezTo>
                      <a:lnTo>
                        <a:pt x="19897" y="150590"/>
                      </a:lnTo>
                      <a:cubicBezTo>
                        <a:pt x="21106" y="149742"/>
                        <a:pt x="21821" y="148352"/>
                        <a:pt x="21802" y="146875"/>
                      </a:cubicBezTo>
                      <a:cubicBezTo>
                        <a:pt x="21802" y="145542"/>
                        <a:pt x="21802" y="144209"/>
                        <a:pt x="21802" y="142970"/>
                      </a:cubicBezTo>
                      <a:cubicBezTo>
                        <a:pt x="21802" y="141732"/>
                        <a:pt x="21802" y="140398"/>
                        <a:pt x="21802" y="139065"/>
                      </a:cubicBezTo>
                      <a:cubicBezTo>
                        <a:pt x="21792" y="137570"/>
                        <a:pt x="21049" y="136179"/>
                        <a:pt x="19801" y="135350"/>
                      </a:cubicBezTo>
                      <a:lnTo>
                        <a:pt x="3990" y="124587"/>
                      </a:lnTo>
                      <a:cubicBezTo>
                        <a:pt x="971" y="122425"/>
                        <a:pt x="-515" y="118710"/>
                        <a:pt x="180" y="115062"/>
                      </a:cubicBezTo>
                      <a:cubicBezTo>
                        <a:pt x="2409" y="103841"/>
                        <a:pt x="5990" y="92935"/>
                        <a:pt x="10848" y="82582"/>
                      </a:cubicBezTo>
                      <a:cubicBezTo>
                        <a:pt x="12601" y="79477"/>
                        <a:pt x="15858" y="77514"/>
                        <a:pt x="19420" y="77438"/>
                      </a:cubicBezTo>
                      <a:lnTo>
                        <a:pt x="38470" y="77914"/>
                      </a:lnTo>
                      <a:cubicBezTo>
                        <a:pt x="39909" y="77895"/>
                        <a:pt x="41261" y="77191"/>
                        <a:pt x="42090" y="76009"/>
                      </a:cubicBezTo>
                      <a:cubicBezTo>
                        <a:pt x="43614" y="73819"/>
                        <a:pt x="45138" y="71723"/>
                        <a:pt x="46852" y="69533"/>
                      </a:cubicBezTo>
                      <a:cubicBezTo>
                        <a:pt x="47738" y="68323"/>
                        <a:pt x="47986" y="66761"/>
                        <a:pt x="47519" y="65342"/>
                      </a:cubicBezTo>
                      <a:lnTo>
                        <a:pt x="41042" y="47625"/>
                      </a:lnTo>
                      <a:cubicBezTo>
                        <a:pt x="39823" y="44282"/>
                        <a:pt x="40718" y="40529"/>
                        <a:pt x="43328" y="38100"/>
                      </a:cubicBezTo>
                      <a:cubicBezTo>
                        <a:pt x="51844" y="30328"/>
                        <a:pt x="61245" y="23584"/>
                        <a:pt x="71332" y="18002"/>
                      </a:cubicBezTo>
                      <a:cubicBezTo>
                        <a:pt x="72665" y="17250"/>
                        <a:pt x="74180" y="16850"/>
                        <a:pt x="75713" y="16859"/>
                      </a:cubicBezTo>
                      <a:cubicBezTo>
                        <a:pt x="77647" y="16831"/>
                        <a:pt x="79533" y="17469"/>
                        <a:pt x="81047" y="18669"/>
                      </a:cubicBezTo>
                      <a:lnTo>
                        <a:pt x="96573" y="30289"/>
                      </a:lnTo>
                      <a:cubicBezTo>
                        <a:pt x="97316" y="30918"/>
                        <a:pt x="98268" y="31261"/>
                        <a:pt x="99240" y="31242"/>
                      </a:cubicBezTo>
                      <a:cubicBezTo>
                        <a:pt x="99745" y="31337"/>
                        <a:pt x="100259" y="31337"/>
                        <a:pt x="100764" y="31242"/>
                      </a:cubicBezTo>
                      <a:lnTo>
                        <a:pt x="108670" y="28670"/>
                      </a:lnTo>
                      <a:cubicBezTo>
                        <a:pt x="110118" y="28261"/>
                        <a:pt x="111260" y="27156"/>
                        <a:pt x="111718" y="25717"/>
                      </a:cubicBezTo>
                      <a:lnTo>
                        <a:pt x="117052" y="7525"/>
                      </a:lnTo>
                      <a:cubicBezTo>
                        <a:pt x="118176" y="4162"/>
                        <a:pt x="121071" y="1705"/>
                        <a:pt x="124577" y="1143"/>
                      </a:cubicBezTo>
                      <a:cubicBezTo>
                        <a:pt x="129758" y="438"/>
                        <a:pt x="134968" y="57"/>
                        <a:pt x="140198" y="0"/>
                      </a:cubicBezTo>
                      <a:lnTo>
                        <a:pt x="142198" y="0"/>
                      </a:lnTo>
                      <a:cubicBezTo>
                        <a:pt x="147894" y="19"/>
                        <a:pt x="153590" y="371"/>
                        <a:pt x="159248" y="1048"/>
                      </a:cubicBezTo>
                      <a:cubicBezTo>
                        <a:pt x="162829" y="1400"/>
                        <a:pt x="165839" y="3886"/>
                        <a:pt x="166868" y="7334"/>
                      </a:cubicBezTo>
                      <a:lnTo>
                        <a:pt x="172392" y="25527"/>
                      </a:lnTo>
                      <a:cubicBezTo>
                        <a:pt x="172782" y="26965"/>
                        <a:pt x="173906" y="28089"/>
                        <a:pt x="175345" y="28480"/>
                      </a:cubicBezTo>
                      <a:cubicBezTo>
                        <a:pt x="178136" y="29242"/>
                        <a:pt x="180803" y="30099"/>
                        <a:pt x="183346" y="31051"/>
                      </a:cubicBezTo>
                      <a:lnTo>
                        <a:pt x="184774" y="31051"/>
                      </a:lnTo>
                      <a:cubicBezTo>
                        <a:pt x="185736" y="31061"/>
                        <a:pt x="186670" y="30756"/>
                        <a:pt x="187441" y="30194"/>
                      </a:cubicBezTo>
                      <a:lnTo>
                        <a:pt x="202872" y="18479"/>
                      </a:lnTo>
                      <a:cubicBezTo>
                        <a:pt x="204415" y="17250"/>
                        <a:pt x="206330" y="16583"/>
                        <a:pt x="208301" y="16573"/>
                      </a:cubicBezTo>
                      <a:cubicBezTo>
                        <a:pt x="209806" y="16564"/>
                        <a:pt x="211283" y="16964"/>
                        <a:pt x="212587" y="17717"/>
                      </a:cubicBezTo>
                      <a:cubicBezTo>
                        <a:pt x="222884" y="23165"/>
                        <a:pt x="232485" y="29851"/>
                        <a:pt x="241162" y="37624"/>
                      </a:cubicBezTo>
                      <a:cubicBezTo>
                        <a:pt x="243820" y="40024"/>
                        <a:pt x="244792" y="43767"/>
                        <a:pt x="243639" y="47149"/>
                      </a:cubicBezTo>
                      <a:lnTo>
                        <a:pt x="237257" y="64960"/>
                      </a:lnTo>
                      <a:cubicBezTo>
                        <a:pt x="236705" y="66380"/>
                        <a:pt x="236962" y="67980"/>
                        <a:pt x="237924" y="69151"/>
                      </a:cubicBezTo>
                      <a:cubicBezTo>
                        <a:pt x="239639" y="71247"/>
                        <a:pt x="241162" y="73438"/>
                        <a:pt x="242686" y="75533"/>
                      </a:cubicBezTo>
                      <a:cubicBezTo>
                        <a:pt x="243525" y="76705"/>
                        <a:pt x="244868" y="77410"/>
                        <a:pt x="246306" y="77438"/>
                      </a:cubicBezTo>
                      <a:lnTo>
                        <a:pt x="265927" y="76867"/>
                      </a:lnTo>
                      <a:lnTo>
                        <a:pt x="265927" y="76867"/>
                      </a:lnTo>
                      <a:cubicBezTo>
                        <a:pt x="269366" y="76943"/>
                        <a:pt x="272500" y="78876"/>
                        <a:pt x="274119" y="81915"/>
                      </a:cubicBezTo>
                      <a:cubicBezTo>
                        <a:pt x="278967" y="92278"/>
                        <a:pt x="282577" y="103184"/>
                        <a:pt x="284882" y="114395"/>
                      </a:cubicBezTo>
                      <a:cubicBezTo>
                        <a:pt x="285739" y="118053"/>
                        <a:pt x="284215" y="121863"/>
                        <a:pt x="281072" y="123920"/>
                      </a:cubicBezTo>
                      <a:lnTo>
                        <a:pt x="265165" y="134684"/>
                      </a:lnTo>
                      <a:cubicBezTo>
                        <a:pt x="263956" y="135531"/>
                        <a:pt x="263241" y="136922"/>
                        <a:pt x="263260" y="138398"/>
                      </a:cubicBezTo>
                      <a:cubicBezTo>
                        <a:pt x="263260" y="139827"/>
                        <a:pt x="263260" y="141065"/>
                        <a:pt x="263260" y="142304"/>
                      </a:cubicBezTo>
                      <a:cubicBezTo>
                        <a:pt x="263260" y="143542"/>
                        <a:pt x="263260" y="144875"/>
                        <a:pt x="263260" y="146209"/>
                      </a:cubicBezTo>
                      <a:cubicBezTo>
                        <a:pt x="263251" y="147704"/>
                        <a:pt x="264003" y="149104"/>
                        <a:pt x="265261" y="149923"/>
                      </a:cubicBezTo>
                      <a:lnTo>
                        <a:pt x="281263" y="160687"/>
                      </a:lnTo>
                      <a:cubicBezTo>
                        <a:pt x="284282" y="162849"/>
                        <a:pt x="285768" y="166564"/>
                        <a:pt x="285073" y="170212"/>
                      </a:cubicBezTo>
                      <a:cubicBezTo>
                        <a:pt x="282844" y="181432"/>
                        <a:pt x="279262" y="192338"/>
                        <a:pt x="274405" y="202692"/>
                      </a:cubicBezTo>
                      <a:cubicBezTo>
                        <a:pt x="272824" y="205835"/>
                        <a:pt x="269633" y="207845"/>
                        <a:pt x="266118" y="207931"/>
                      </a:cubicBezTo>
                      <a:lnTo>
                        <a:pt x="246401" y="207359"/>
                      </a:lnTo>
                      <a:cubicBezTo>
                        <a:pt x="244925" y="207340"/>
                        <a:pt x="243553" y="208102"/>
                        <a:pt x="242782" y="209359"/>
                      </a:cubicBezTo>
                      <a:cubicBezTo>
                        <a:pt x="241258" y="211455"/>
                        <a:pt x="239734" y="213550"/>
                        <a:pt x="238019" y="215646"/>
                      </a:cubicBezTo>
                      <a:cubicBezTo>
                        <a:pt x="237152" y="216894"/>
                        <a:pt x="236905" y="218475"/>
                        <a:pt x="237352" y="219932"/>
                      </a:cubicBezTo>
                      <a:lnTo>
                        <a:pt x="243829" y="237649"/>
                      </a:lnTo>
                      <a:cubicBezTo>
                        <a:pt x="245049" y="240992"/>
                        <a:pt x="244153" y="244745"/>
                        <a:pt x="241543" y="247174"/>
                      </a:cubicBezTo>
                      <a:cubicBezTo>
                        <a:pt x="233057" y="254984"/>
                        <a:pt x="223655" y="261738"/>
                        <a:pt x="213540" y="267271"/>
                      </a:cubicBezTo>
                      <a:cubicBezTo>
                        <a:pt x="212206" y="268024"/>
                        <a:pt x="210692" y="268424"/>
                        <a:pt x="209158" y="268414"/>
                      </a:cubicBezTo>
                      <a:cubicBezTo>
                        <a:pt x="207206" y="268386"/>
                        <a:pt x="205310" y="267748"/>
                        <a:pt x="203729" y="266605"/>
                      </a:cubicBezTo>
                      <a:lnTo>
                        <a:pt x="188299" y="254984"/>
                      </a:lnTo>
                      <a:cubicBezTo>
                        <a:pt x="187546" y="254365"/>
                        <a:pt x="186603" y="254032"/>
                        <a:pt x="185632" y="254032"/>
                      </a:cubicBezTo>
                      <a:cubicBezTo>
                        <a:pt x="185127" y="253937"/>
                        <a:pt x="184613" y="253937"/>
                        <a:pt x="184108" y="254032"/>
                      </a:cubicBezTo>
                      <a:cubicBezTo>
                        <a:pt x="181536" y="254984"/>
                        <a:pt x="178869" y="255842"/>
                        <a:pt x="176202" y="256604"/>
                      </a:cubicBezTo>
                      <a:cubicBezTo>
                        <a:pt x="174754" y="257013"/>
                        <a:pt x="173611" y="258118"/>
                        <a:pt x="173154" y="259556"/>
                      </a:cubicBezTo>
                      <a:lnTo>
                        <a:pt x="167820" y="277749"/>
                      </a:lnTo>
                      <a:cubicBezTo>
                        <a:pt x="166677" y="281140"/>
                        <a:pt x="163734" y="283607"/>
                        <a:pt x="160200" y="284131"/>
                      </a:cubicBezTo>
                      <a:cubicBezTo>
                        <a:pt x="154447" y="284836"/>
                        <a:pt x="148656" y="285217"/>
                        <a:pt x="142864" y="285274"/>
                      </a:cubicBezTo>
                      <a:close/>
                      <a:moveTo>
                        <a:pt x="97621" y="233934"/>
                      </a:moveTo>
                      <a:cubicBezTo>
                        <a:pt x="98830" y="233963"/>
                        <a:pt x="100030" y="234220"/>
                        <a:pt x="101145" y="234696"/>
                      </a:cubicBezTo>
                      <a:cubicBezTo>
                        <a:pt x="107308" y="237287"/>
                        <a:pt x="113680" y="239325"/>
                        <a:pt x="120195" y="240792"/>
                      </a:cubicBezTo>
                      <a:cubicBezTo>
                        <a:pt x="123414" y="241459"/>
                        <a:pt x="126015" y="243830"/>
                        <a:pt x="126958" y="246983"/>
                      </a:cubicBezTo>
                      <a:lnTo>
                        <a:pt x="132006" y="263747"/>
                      </a:lnTo>
                      <a:cubicBezTo>
                        <a:pt x="132539" y="265519"/>
                        <a:pt x="134159" y="266748"/>
                        <a:pt x="136006" y="266795"/>
                      </a:cubicBezTo>
                      <a:lnTo>
                        <a:pt x="142388" y="266795"/>
                      </a:lnTo>
                      <a:lnTo>
                        <a:pt x="148579" y="266795"/>
                      </a:lnTo>
                      <a:cubicBezTo>
                        <a:pt x="150446" y="266709"/>
                        <a:pt x="152056" y="265443"/>
                        <a:pt x="152580" y="263652"/>
                      </a:cubicBezTo>
                      <a:lnTo>
                        <a:pt x="157533" y="246888"/>
                      </a:lnTo>
                      <a:cubicBezTo>
                        <a:pt x="158476" y="243735"/>
                        <a:pt x="161076" y="241363"/>
                        <a:pt x="164296" y="240697"/>
                      </a:cubicBezTo>
                      <a:cubicBezTo>
                        <a:pt x="170839" y="239230"/>
                        <a:pt x="177212" y="237115"/>
                        <a:pt x="183346" y="234410"/>
                      </a:cubicBezTo>
                      <a:cubicBezTo>
                        <a:pt x="184498" y="233953"/>
                        <a:pt x="185727" y="233724"/>
                        <a:pt x="186965" y="233743"/>
                      </a:cubicBezTo>
                      <a:cubicBezTo>
                        <a:pt x="188899" y="233715"/>
                        <a:pt x="190785" y="234353"/>
                        <a:pt x="192299" y="235553"/>
                      </a:cubicBezTo>
                      <a:lnTo>
                        <a:pt x="206682" y="246317"/>
                      </a:lnTo>
                      <a:cubicBezTo>
                        <a:pt x="207425" y="246878"/>
                        <a:pt x="208330" y="247183"/>
                        <a:pt x="209254" y="247174"/>
                      </a:cubicBezTo>
                      <a:cubicBezTo>
                        <a:pt x="210092" y="247155"/>
                        <a:pt x="210911" y="246926"/>
                        <a:pt x="211635" y="246507"/>
                      </a:cubicBezTo>
                      <a:cubicBezTo>
                        <a:pt x="215102" y="244278"/>
                        <a:pt x="218436" y="241859"/>
                        <a:pt x="221636" y="239268"/>
                      </a:cubicBezTo>
                      <a:cubicBezTo>
                        <a:pt x="223160" y="238115"/>
                        <a:pt x="223741" y="236096"/>
                        <a:pt x="223065" y="234315"/>
                      </a:cubicBezTo>
                      <a:lnTo>
                        <a:pt x="217064" y="218027"/>
                      </a:lnTo>
                      <a:cubicBezTo>
                        <a:pt x="215750" y="214770"/>
                        <a:pt x="216455" y="211045"/>
                        <a:pt x="218874" y="208502"/>
                      </a:cubicBezTo>
                      <a:cubicBezTo>
                        <a:pt x="223341" y="203587"/>
                        <a:pt x="227304" y="198225"/>
                        <a:pt x="230685" y="192500"/>
                      </a:cubicBezTo>
                      <a:cubicBezTo>
                        <a:pt x="232438" y="189776"/>
                        <a:pt x="235448" y="188128"/>
                        <a:pt x="238686" y="188119"/>
                      </a:cubicBezTo>
                      <a:lnTo>
                        <a:pt x="256783" y="188595"/>
                      </a:lnTo>
                      <a:cubicBezTo>
                        <a:pt x="258612" y="188585"/>
                        <a:pt x="260241" y="187452"/>
                        <a:pt x="260879" y="185738"/>
                      </a:cubicBezTo>
                      <a:cubicBezTo>
                        <a:pt x="262318" y="182061"/>
                        <a:pt x="263556" y="178308"/>
                        <a:pt x="264594" y="174498"/>
                      </a:cubicBezTo>
                      <a:cubicBezTo>
                        <a:pt x="265051" y="172660"/>
                        <a:pt x="264337" y="170726"/>
                        <a:pt x="262784" y="169640"/>
                      </a:cubicBezTo>
                      <a:lnTo>
                        <a:pt x="248116" y="160115"/>
                      </a:lnTo>
                      <a:cubicBezTo>
                        <a:pt x="245353" y="158305"/>
                        <a:pt x="243820" y="155115"/>
                        <a:pt x="244115" y="151829"/>
                      </a:cubicBezTo>
                      <a:cubicBezTo>
                        <a:pt x="244439" y="148666"/>
                        <a:pt x="244591" y="145485"/>
                        <a:pt x="244591" y="142304"/>
                      </a:cubicBezTo>
                      <a:cubicBezTo>
                        <a:pt x="244591" y="139065"/>
                        <a:pt x="244591" y="135826"/>
                        <a:pt x="244115" y="132779"/>
                      </a:cubicBezTo>
                      <a:cubicBezTo>
                        <a:pt x="243753" y="129502"/>
                        <a:pt x="245268" y="126301"/>
                        <a:pt x="248020" y="124492"/>
                      </a:cubicBezTo>
                      <a:lnTo>
                        <a:pt x="262594" y="114967"/>
                      </a:lnTo>
                      <a:cubicBezTo>
                        <a:pt x="264165" y="113900"/>
                        <a:pt x="264899" y="111947"/>
                        <a:pt x="264403" y="110109"/>
                      </a:cubicBezTo>
                      <a:cubicBezTo>
                        <a:pt x="263356" y="106394"/>
                        <a:pt x="262022" y="102584"/>
                        <a:pt x="260593" y="98870"/>
                      </a:cubicBezTo>
                      <a:cubicBezTo>
                        <a:pt x="259908" y="97212"/>
                        <a:pt x="258298" y="96126"/>
                        <a:pt x="256498" y="96107"/>
                      </a:cubicBezTo>
                      <a:lnTo>
                        <a:pt x="238591" y="96679"/>
                      </a:lnTo>
                      <a:cubicBezTo>
                        <a:pt x="235286" y="96736"/>
                        <a:pt x="232180" y="95079"/>
                        <a:pt x="230399" y="92297"/>
                      </a:cubicBezTo>
                      <a:cubicBezTo>
                        <a:pt x="226951" y="86592"/>
                        <a:pt x="222970" y="81239"/>
                        <a:pt x="218493" y="76295"/>
                      </a:cubicBezTo>
                      <a:cubicBezTo>
                        <a:pt x="216055" y="73762"/>
                        <a:pt x="215340" y="70018"/>
                        <a:pt x="216683" y="66770"/>
                      </a:cubicBezTo>
                      <a:lnTo>
                        <a:pt x="222589" y="50387"/>
                      </a:lnTo>
                      <a:cubicBezTo>
                        <a:pt x="223151" y="48597"/>
                        <a:pt x="222589" y="46644"/>
                        <a:pt x="221160" y="45434"/>
                      </a:cubicBezTo>
                      <a:cubicBezTo>
                        <a:pt x="217922" y="42958"/>
                        <a:pt x="214588" y="40576"/>
                        <a:pt x="211064" y="38386"/>
                      </a:cubicBezTo>
                      <a:cubicBezTo>
                        <a:pt x="210359" y="37909"/>
                        <a:pt x="209530" y="37643"/>
                        <a:pt x="208682" y="37624"/>
                      </a:cubicBezTo>
                      <a:cubicBezTo>
                        <a:pt x="207711" y="37624"/>
                        <a:pt x="206768" y="37957"/>
                        <a:pt x="206015" y="38576"/>
                      </a:cubicBezTo>
                      <a:lnTo>
                        <a:pt x="191728" y="49435"/>
                      </a:lnTo>
                      <a:cubicBezTo>
                        <a:pt x="189156" y="51387"/>
                        <a:pt x="185727" y="51787"/>
                        <a:pt x="182774" y="50483"/>
                      </a:cubicBezTo>
                      <a:cubicBezTo>
                        <a:pt x="176631" y="47844"/>
                        <a:pt x="170258" y="45806"/>
                        <a:pt x="163724" y="44387"/>
                      </a:cubicBezTo>
                      <a:cubicBezTo>
                        <a:pt x="160505" y="43720"/>
                        <a:pt x="157904" y="41348"/>
                        <a:pt x="156961" y="38195"/>
                      </a:cubicBezTo>
                      <a:lnTo>
                        <a:pt x="151913" y="21431"/>
                      </a:lnTo>
                      <a:cubicBezTo>
                        <a:pt x="151351" y="19679"/>
                        <a:pt x="149751" y="18459"/>
                        <a:pt x="147913" y="18383"/>
                      </a:cubicBezTo>
                      <a:lnTo>
                        <a:pt x="142769" y="18383"/>
                      </a:lnTo>
                      <a:lnTo>
                        <a:pt x="141531" y="18383"/>
                      </a:lnTo>
                      <a:lnTo>
                        <a:pt x="135340" y="18383"/>
                      </a:lnTo>
                      <a:cubicBezTo>
                        <a:pt x="133463" y="18440"/>
                        <a:pt x="131844" y="19717"/>
                        <a:pt x="131339" y="21526"/>
                      </a:cubicBezTo>
                      <a:lnTo>
                        <a:pt x="126386" y="38291"/>
                      </a:lnTo>
                      <a:cubicBezTo>
                        <a:pt x="125367" y="41415"/>
                        <a:pt x="122814" y="43786"/>
                        <a:pt x="119623" y="44577"/>
                      </a:cubicBezTo>
                      <a:cubicBezTo>
                        <a:pt x="113080" y="45977"/>
                        <a:pt x="106688" y="48044"/>
                        <a:pt x="100573" y="50768"/>
                      </a:cubicBezTo>
                      <a:cubicBezTo>
                        <a:pt x="99450" y="51216"/>
                        <a:pt x="98259" y="51435"/>
                        <a:pt x="97049" y="51435"/>
                      </a:cubicBezTo>
                      <a:cubicBezTo>
                        <a:pt x="95087" y="51483"/>
                        <a:pt x="93163" y="50835"/>
                        <a:pt x="91620" y="49625"/>
                      </a:cubicBezTo>
                      <a:lnTo>
                        <a:pt x="77237" y="38862"/>
                      </a:lnTo>
                      <a:cubicBezTo>
                        <a:pt x="75761" y="37786"/>
                        <a:pt x="73761" y="37786"/>
                        <a:pt x="72284" y="38862"/>
                      </a:cubicBezTo>
                      <a:cubicBezTo>
                        <a:pt x="68817" y="41043"/>
                        <a:pt x="65474" y="43434"/>
                        <a:pt x="62283" y="46006"/>
                      </a:cubicBezTo>
                      <a:cubicBezTo>
                        <a:pt x="60759" y="47158"/>
                        <a:pt x="60178" y="49178"/>
                        <a:pt x="60854" y="50959"/>
                      </a:cubicBezTo>
                      <a:lnTo>
                        <a:pt x="66855" y="67246"/>
                      </a:lnTo>
                      <a:cubicBezTo>
                        <a:pt x="68198" y="70495"/>
                        <a:pt x="67484" y="74238"/>
                        <a:pt x="65045" y="76771"/>
                      </a:cubicBezTo>
                      <a:cubicBezTo>
                        <a:pt x="60607" y="81753"/>
                        <a:pt x="56654" y="87144"/>
                        <a:pt x="53234" y="92869"/>
                      </a:cubicBezTo>
                      <a:cubicBezTo>
                        <a:pt x="51758" y="95545"/>
                        <a:pt x="48957" y="97222"/>
                        <a:pt x="45900" y="97250"/>
                      </a:cubicBezTo>
                      <a:lnTo>
                        <a:pt x="26850" y="97250"/>
                      </a:lnTo>
                      <a:cubicBezTo>
                        <a:pt x="25012" y="97203"/>
                        <a:pt x="23335" y="98308"/>
                        <a:pt x="22659" y="100013"/>
                      </a:cubicBezTo>
                      <a:cubicBezTo>
                        <a:pt x="21325" y="103632"/>
                        <a:pt x="19992" y="107442"/>
                        <a:pt x="18944" y="111252"/>
                      </a:cubicBezTo>
                      <a:cubicBezTo>
                        <a:pt x="18487" y="113090"/>
                        <a:pt x="19201" y="115024"/>
                        <a:pt x="20754" y="116110"/>
                      </a:cubicBezTo>
                      <a:lnTo>
                        <a:pt x="35422" y="125635"/>
                      </a:lnTo>
                      <a:cubicBezTo>
                        <a:pt x="38089" y="127530"/>
                        <a:pt x="39604" y="130654"/>
                        <a:pt x="39423" y="133921"/>
                      </a:cubicBezTo>
                      <a:cubicBezTo>
                        <a:pt x="39242" y="137093"/>
                        <a:pt x="39242" y="140275"/>
                        <a:pt x="39423" y="143446"/>
                      </a:cubicBezTo>
                      <a:cubicBezTo>
                        <a:pt x="39423" y="146780"/>
                        <a:pt x="39423" y="150019"/>
                        <a:pt x="39423" y="152971"/>
                      </a:cubicBezTo>
                      <a:cubicBezTo>
                        <a:pt x="39794" y="156277"/>
                        <a:pt x="38289" y="159515"/>
                        <a:pt x="35518" y="161354"/>
                      </a:cubicBezTo>
                      <a:lnTo>
                        <a:pt x="20944" y="170879"/>
                      </a:lnTo>
                      <a:cubicBezTo>
                        <a:pt x="19373" y="171945"/>
                        <a:pt x="18639" y="173898"/>
                        <a:pt x="19135" y="175736"/>
                      </a:cubicBezTo>
                      <a:cubicBezTo>
                        <a:pt x="20182" y="179451"/>
                        <a:pt x="21516" y="183261"/>
                        <a:pt x="22945" y="186976"/>
                      </a:cubicBezTo>
                      <a:cubicBezTo>
                        <a:pt x="23611" y="188652"/>
                        <a:pt x="25240" y="189747"/>
                        <a:pt x="27040" y="189738"/>
                      </a:cubicBezTo>
                      <a:lnTo>
                        <a:pt x="45519" y="189167"/>
                      </a:lnTo>
                      <a:cubicBezTo>
                        <a:pt x="48662" y="189157"/>
                        <a:pt x="51567" y="190824"/>
                        <a:pt x="53139" y="193548"/>
                      </a:cubicBezTo>
                      <a:cubicBezTo>
                        <a:pt x="56530" y="199292"/>
                        <a:pt x="60521" y="204654"/>
                        <a:pt x="65045" y="209550"/>
                      </a:cubicBezTo>
                      <a:cubicBezTo>
                        <a:pt x="67512" y="212074"/>
                        <a:pt x="68227" y="215827"/>
                        <a:pt x="66855" y="219075"/>
                      </a:cubicBezTo>
                      <a:lnTo>
                        <a:pt x="60949" y="235458"/>
                      </a:lnTo>
                      <a:cubicBezTo>
                        <a:pt x="60359" y="237249"/>
                        <a:pt x="60930" y="239211"/>
                        <a:pt x="62378" y="240411"/>
                      </a:cubicBezTo>
                      <a:cubicBezTo>
                        <a:pt x="65617" y="242945"/>
                        <a:pt x="68989" y="245297"/>
                        <a:pt x="72475" y="247459"/>
                      </a:cubicBezTo>
                      <a:cubicBezTo>
                        <a:pt x="73170" y="247945"/>
                        <a:pt x="73999" y="248212"/>
                        <a:pt x="74856" y="248221"/>
                      </a:cubicBezTo>
                      <a:cubicBezTo>
                        <a:pt x="75828" y="248212"/>
                        <a:pt x="76761" y="247869"/>
                        <a:pt x="77523" y="247269"/>
                      </a:cubicBezTo>
                      <a:lnTo>
                        <a:pt x="91715" y="236506"/>
                      </a:lnTo>
                      <a:cubicBezTo>
                        <a:pt x="93296" y="234944"/>
                        <a:pt x="95401" y="234029"/>
                        <a:pt x="97621" y="233934"/>
                      </a:cubicBezTo>
                      <a:close/>
                    </a:path>
                  </a:pathLst>
                </a:custGeom>
                <a:solidFill>
                  <a:srgbClr val="265998"/>
                </a:solidFill>
                <a:ln w="9525" cap="flat">
                  <a:noFill/>
                  <a:prstDash val="solid"/>
                  <a:miter/>
                </a:ln>
              </p:spPr>
              <p:txBody>
                <a:bodyPr rtlCol="0" anchor="ctr"/>
                <a:lstStyle/>
                <a:p>
                  <a:endParaRPr lang="en-AU"/>
                </a:p>
              </p:txBody>
            </p:sp>
            <p:sp>
              <p:nvSpPr>
                <p:cNvPr id="68" name="Graphic 2">
                  <a:extLst>
                    <a:ext uri="{FF2B5EF4-FFF2-40B4-BE49-F238E27FC236}">
                      <a16:creationId xmlns:a16="http://schemas.microsoft.com/office/drawing/2014/main" id="{AA8C4515-0935-4A1D-8A0F-325B2A8F8D5A}"/>
                    </a:ext>
                  </a:extLst>
                </p:cNvPr>
                <p:cNvSpPr/>
                <p:nvPr/>
              </p:nvSpPr>
              <p:spPr>
                <a:xfrm>
                  <a:off x="1796235" y="2188591"/>
                  <a:ext cx="285241" cy="285273"/>
                </a:xfrm>
                <a:custGeom>
                  <a:avLst/>
                  <a:gdLst>
                    <a:gd name="connsiteX0" fmla="*/ 142293 w 285241"/>
                    <a:gd name="connsiteY0" fmla="*/ 285274 h 285273"/>
                    <a:gd name="connsiteX1" fmla="*/ 125339 w 285241"/>
                    <a:gd name="connsiteY1" fmla="*/ 284226 h 285273"/>
                    <a:gd name="connsiteX2" fmla="*/ 117718 w 285241"/>
                    <a:gd name="connsiteY2" fmla="*/ 277939 h 285273"/>
                    <a:gd name="connsiteX3" fmla="*/ 112194 w 285241"/>
                    <a:gd name="connsiteY3" fmla="*/ 259747 h 285273"/>
                    <a:gd name="connsiteX4" fmla="*/ 109241 w 285241"/>
                    <a:gd name="connsiteY4" fmla="*/ 256794 h 285273"/>
                    <a:gd name="connsiteX5" fmla="*/ 101240 w 285241"/>
                    <a:gd name="connsiteY5" fmla="*/ 254222 h 285273"/>
                    <a:gd name="connsiteX6" fmla="*/ 99811 w 285241"/>
                    <a:gd name="connsiteY6" fmla="*/ 254222 h 285273"/>
                    <a:gd name="connsiteX7" fmla="*/ 97144 w 285241"/>
                    <a:gd name="connsiteY7" fmla="*/ 255079 h 285273"/>
                    <a:gd name="connsiteX8" fmla="*/ 81714 w 285241"/>
                    <a:gd name="connsiteY8" fmla="*/ 266795 h 285273"/>
                    <a:gd name="connsiteX9" fmla="*/ 76189 w 285241"/>
                    <a:gd name="connsiteY9" fmla="*/ 268700 h 285273"/>
                    <a:gd name="connsiteX10" fmla="*/ 71903 w 285241"/>
                    <a:gd name="connsiteY10" fmla="*/ 267557 h 285273"/>
                    <a:gd name="connsiteX11" fmla="*/ 43900 w 285241"/>
                    <a:gd name="connsiteY11" fmla="*/ 247650 h 285273"/>
                    <a:gd name="connsiteX12" fmla="*/ 41423 w 285241"/>
                    <a:gd name="connsiteY12" fmla="*/ 238125 h 285273"/>
                    <a:gd name="connsiteX13" fmla="*/ 47805 w 285241"/>
                    <a:gd name="connsiteY13" fmla="*/ 220313 h 285273"/>
                    <a:gd name="connsiteX14" fmla="*/ 47138 w 285241"/>
                    <a:gd name="connsiteY14" fmla="*/ 216122 h 285273"/>
                    <a:gd name="connsiteX15" fmla="*/ 42376 w 285241"/>
                    <a:gd name="connsiteY15" fmla="*/ 209741 h 285273"/>
                    <a:gd name="connsiteX16" fmla="*/ 38756 w 285241"/>
                    <a:gd name="connsiteY16" fmla="*/ 207835 h 285273"/>
                    <a:gd name="connsiteX17" fmla="*/ 19135 w 285241"/>
                    <a:gd name="connsiteY17" fmla="*/ 208502 h 285273"/>
                    <a:gd name="connsiteX18" fmla="*/ 19135 w 285241"/>
                    <a:gd name="connsiteY18" fmla="*/ 208502 h 285273"/>
                    <a:gd name="connsiteX19" fmla="*/ 10943 w 285241"/>
                    <a:gd name="connsiteY19" fmla="*/ 203359 h 285273"/>
                    <a:gd name="connsiteX20" fmla="*/ 180 w 285241"/>
                    <a:gd name="connsiteY20" fmla="*/ 170879 h 285273"/>
                    <a:gd name="connsiteX21" fmla="*/ 3895 w 285241"/>
                    <a:gd name="connsiteY21" fmla="*/ 161354 h 285273"/>
                    <a:gd name="connsiteX22" fmla="*/ 19897 w 285241"/>
                    <a:gd name="connsiteY22" fmla="*/ 150590 h 285273"/>
                    <a:gd name="connsiteX23" fmla="*/ 21802 w 285241"/>
                    <a:gd name="connsiteY23" fmla="*/ 146875 h 285273"/>
                    <a:gd name="connsiteX24" fmla="*/ 21802 w 285241"/>
                    <a:gd name="connsiteY24" fmla="*/ 142970 h 285273"/>
                    <a:gd name="connsiteX25" fmla="*/ 21802 w 285241"/>
                    <a:gd name="connsiteY25" fmla="*/ 139065 h 285273"/>
                    <a:gd name="connsiteX26" fmla="*/ 19801 w 285241"/>
                    <a:gd name="connsiteY26" fmla="*/ 135350 h 285273"/>
                    <a:gd name="connsiteX27" fmla="*/ 3990 w 285241"/>
                    <a:gd name="connsiteY27" fmla="*/ 124587 h 285273"/>
                    <a:gd name="connsiteX28" fmla="*/ 180 w 285241"/>
                    <a:gd name="connsiteY28" fmla="*/ 115062 h 285273"/>
                    <a:gd name="connsiteX29" fmla="*/ 10848 w 285241"/>
                    <a:gd name="connsiteY29" fmla="*/ 82582 h 285273"/>
                    <a:gd name="connsiteX30" fmla="*/ 19420 w 285241"/>
                    <a:gd name="connsiteY30" fmla="*/ 77438 h 285273"/>
                    <a:gd name="connsiteX31" fmla="*/ 38470 w 285241"/>
                    <a:gd name="connsiteY31" fmla="*/ 77914 h 285273"/>
                    <a:gd name="connsiteX32" fmla="*/ 42090 w 285241"/>
                    <a:gd name="connsiteY32" fmla="*/ 76009 h 285273"/>
                    <a:gd name="connsiteX33" fmla="*/ 46852 w 285241"/>
                    <a:gd name="connsiteY33" fmla="*/ 69533 h 285273"/>
                    <a:gd name="connsiteX34" fmla="*/ 47519 w 285241"/>
                    <a:gd name="connsiteY34" fmla="*/ 65342 h 285273"/>
                    <a:gd name="connsiteX35" fmla="*/ 41042 w 285241"/>
                    <a:gd name="connsiteY35" fmla="*/ 47625 h 285273"/>
                    <a:gd name="connsiteX36" fmla="*/ 43328 w 285241"/>
                    <a:gd name="connsiteY36" fmla="*/ 38100 h 285273"/>
                    <a:gd name="connsiteX37" fmla="*/ 71332 w 285241"/>
                    <a:gd name="connsiteY37" fmla="*/ 18002 h 285273"/>
                    <a:gd name="connsiteX38" fmla="*/ 75713 w 285241"/>
                    <a:gd name="connsiteY38" fmla="*/ 16859 h 285273"/>
                    <a:gd name="connsiteX39" fmla="*/ 81047 w 285241"/>
                    <a:gd name="connsiteY39" fmla="*/ 18669 h 285273"/>
                    <a:gd name="connsiteX40" fmla="*/ 96573 w 285241"/>
                    <a:gd name="connsiteY40" fmla="*/ 30289 h 285273"/>
                    <a:gd name="connsiteX41" fmla="*/ 99240 w 285241"/>
                    <a:gd name="connsiteY41" fmla="*/ 31242 h 285273"/>
                    <a:gd name="connsiteX42" fmla="*/ 100764 w 285241"/>
                    <a:gd name="connsiteY42" fmla="*/ 31242 h 285273"/>
                    <a:gd name="connsiteX43" fmla="*/ 108670 w 285241"/>
                    <a:gd name="connsiteY43" fmla="*/ 28670 h 285273"/>
                    <a:gd name="connsiteX44" fmla="*/ 111718 w 285241"/>
                    <a:gd name="connsiteY44" fmla="*/ 25717 h 285273"/>
                    <a:gd name="connsiteX45" fmla="*/ 117052 w 285241"/>
                    <a:gd name="connsiteY45" fmla="*/ 7525 h 285273"/>
                    <a:gd name="connsiteX46" fmla="*/ 124577 w 285241"/>
                    <a:gd name="connsiteY46" fmla="*/ 1143 h 285273"/>
                    <a:gd name="connsiteX47" fmla="*/ 140198 w 285241"/>
                    <a:gd name="connsiteY47" fmla="*/ 0 h 285273"/>
                    <a:gd name="connsiteX48" fmla="*/ 142198 w 285241"/>
                    <a:gd name="connsiteY48" fmla="*/ 0 h 285273"/>
                    <a:gd name="connsiteX49" fmla="*/ 159248 w 285241"/>
                    <a:gd name="connsiteY49" fmla="*/ 1048 h 285273"/>
                    <a:gd name="connsiteX50" fmla="*/ 166868 w 285241"/>
                    <a:gd name="connsiteY50" fmla="*/ 7334 h 285273"/>
                    <a:gd name="connsiteX51" fmla="*/ 172392 w 285241"/>
                    <a:gd name="connsiteY51" fmla="*/ 25527 h 285273"/>
                    <a:gd name="connsiteX52" fmla="*/ 175345 w 285241"/>
                    <a:gd name="connsiteY52" fmla="*/ 28480 h 285273"/>
                    <a:gd name="connsiteX53" fmla="*/ 183346 w 285241"/>
                    <a:gd name="connsiteY53" fmla="*/ 31051 h 285273"/>
                    <a:gd name="connsiteX54" fmla="*/ 184774 w 285241"/>
                    <a:gd name="connsiteY54" fmla="*/ 31051 h 285273"/>
                    <a:gd name="connsiteX55" fmla="*/ 187441 w 285241"/>
                    <a:gd name="connsiteY55" fmla="*/ 30194 h 285273"/>
                    <a:gd name="connsiteX56" fmla="*/ 202872 w 285241"/>
                    <a:gd name="connsiteY56" fmla="*/ 18479 h 285273"/>
                    <a:gd name="connsiteX57" fmla="*/ 208301 w 285241"/>
                    <a:gd name="connsiteY57" fmla="*/ 16573 h 285273"/>
                    <a:gd name="connsiteX58" fmla="*/ 212587 w 285241"/>
                    <a:gd name="connsiteY58" fmla="*/ 17717 h 285273"/>
                    <a:gd name="connsiteX59" fmla="*/ 241162 w 285241"/>
                    <a:gd name="connsiteY59" fmla="*/ 37624 h 285273"/>
                    <a:gd name="connsiteX60" fmla="*/ 243639 w 285241"/>
                    <a:gd name="connsiteY60" fmla="*/ 47149 h 285273"/>
                    <a:gd name="connsiteX61" fmla="*/ 237257 w 285241"/>
                    <a:gd name="connsiteY61" fmla="*/ 64960 h 285273"/>
                    <a:gd name="connsiteX62" fmla="*/ 237924 w 285241"/>
                    <a:gd name="connsiteY62" fmla="*/ 69151 h 285273"/>
                    <a:gd name="connsiteX63" fmla="*/ 242686 w 285241"/>
                    <a:gd name="connsiteY63" fmla="*/ 75533 h 285273"/>
                    <a:gd name="connsiteX64" fmla="*/ 246306 w 285241"/>
                    <a:gd name="connsiteY64" fmla="*/ 77438 h 285273"/>
                    <a:gd name="connsiteX65" fmla="*/ 265927 w 285241"/>
                    <a:gd name="connsiteY65" fmla="*/ 76867 h 285273"/>
                    <a:gd name="connsiteX66" fmla="*/ 265927 w 285241"/>
                    <a:gd name="connsiteY66" fmla="*/ 76867 h 285273"/>
                    <a:gd name="connsiteX67" fmla="*/ 274119 w 285241"/>
                    <a:gd name="connsiteY67" fmla="*/ 81915 h 285273"/>
                    <a:gd name="connsiteX68" fmla="*/ 284882 w 285241"/>
                    <a:gd name="connsiteY68" fmla="*/ 114395 h 285273"/>
                    <a:gd name="connsiteX69" fmla="*/ 281072 w 285241"/>
                    <a:gd name="connsiteY69" fmla="*/ 123920 h 285273"/>
                    <a:gd name="connsiteX70" fmla="*/ 265165 w 285241"/>
                    <a:gd name="connsiteY70" fmla="*/ 134684 h 285273"/>
                    <a:gd name="connsiteX71" fmla="*/ 263260 w 285241"/>
                    <a:gd name="connsiteY71" fmla="*/ 138398 h 285273"/>
                    <a:gd name="connsiteX72" fmla="*/ 263260 w 285241"/>
                    <a:gd name="connsiteY72" fmla="*/ 142304 h 285273"/>
                    <a:gd name="connsiteX73" fmla="*/ 263260 w 285241"/>
                    <a:gd name="connsiteY73" fmla="*/ 146209 h 285273"/>
                    <a:gd name="connsiteX74" fmla="*/ 265261 w 285241"/>
                    <a:gd name="connsiteY74" fmla="*/ 149923 h 285273"/>
                    <a:gd name="connsiteX75" fmla="*/ 281263 w 285241"/>
                    <a:gd name="connsiteY75" fmla="*/ 160687 h 285273"/>
                    <a:gd name="connsiteX76" fmla="*/ 285073 w 285241"/>
                    <a:gd name="connsiteY76" fmla="*/ 170212 h 285273"/>
                    <a:gd name="connsiteX77" fmla="*/ 274405 w 285241"/>
                    <a:gd name="connsiteY77" fmla="*/ 202692 h 285273"/>
                    <a:gd name="connsiteX78" fmla="*/ 266118 w 285241"/>
                    <a:gd name="connsiteY78" fmla="*/ 207931 h 285273"/>
                    <a:gd name="connsiteX79" fmla="*/ 246401 w 285241"/>
                    <a:gd name="connsiteY79" fmla="*/ 207359 h 285273"/>
                    <a:gd name="connsiteX80" fmla="*/ 242782 w 285241"/>
                    <a:gd name="connsiteY80" fmla="*/ 209359 h 285273"/>
                    <a:gd name="connsiteX81" fmla="*/ 238019 w 285241"/>
                    <a:gd name="connsiteY81" fmla="*/ 215646 h 285273"/>
                    <a:gd name="connsiteX82" fmla="*/ 237352 w 285241"/>
                    <a:gd name="connsiteY82" fmla="*/ 219932 h 285273"/>
                    <a:gd name="connsiteX83" fmla="*/ 243829 w 285241"/>
                    <a:gd name="connsiteY83" fmla="*/ 237649 h 285273"/>
                    <a:gd name="connsiteX84" fmla="*/ 241543 w 285241"/>
                    <a:gd name="connsiteY84" fmla="*/ 247174 h 285273"/>
                    <a:gd name="connsiteX85" fmla="*/ 213540 w 285241"/>
                    <a:gd name="connsiteY85" fmla="*/ 267271 h 285273"/>
                    <a:gd name="connsiteX86" fmla="*/ 209158 w 285241"/>
                    <a:gd name="connsiteY86" fmla="*/ 268414 h 285273"/>
                    <a:gd name="connsiteX87" fmla="*/ 203729 w 285241"/>
                    <a:gd name="connsiteY87" fmla="*/ 266605 h 285273"/>
                    <a:gd name="connsiteX88" fmla="*/ 188299 w 285241"/>
                    <a:gd name="connsiteY88" fmla="*/ 254984 h 285273"/>
                    <a:gd name="connsiteX89" fmla="*/ 185632 w 285241"/>
                    <a:gd name="connsiteY89" fmla="*/ 254032 h 285273"/>
                    <a:gd name="connsiteX90" fmla="*/ 184108 w 285241"/>
                    <a:gd name="connsiteY90" fmla="*/ 254032 h 285273"/>
                    <a:gd name="connsiteX91" fmla="*/ 176202 w 285241"/>
                    <a:gd name="connsiteY91" fmla="*/ 256604 h 285273"/>
                    <a:gd name="connsiteX92" fmla="*/ 173154 w 285241"/>
                    <a:gd name="connsiteY92" fmla="*/ 259556 h 285273"/>
                    <a:gd name="connsiteX93" fmla="*/ 167820 w 285241"/>
                    <a:gd name="connsiteY93" fmla="*/ 277749 h 285273"/>
                    <a:gd name="connsiteX94" fmla="*/ 160200 w 285241"/>
                    <a:gd name="connsiteY94" fmla="*/ 284131 h 285273"/>
                    <a:gd name="connsiteX95" fmla="*/ 142864 w 285241"/>
                    <a:gd name="connsiteY95" fmla="*/ 285274 h 285273"/>
                    <a:gd name="connsiteX96" fmla="*/ 97621 w 285241"/>
                    <a:gd name="connsiteY96" fmla="*/ 233934 h 285273"/>
                    <a:gd name="connsiteX97" fmla="*/ 101145 w 285241"/>
                    <a:gd name="connsiteY97" fmla="*/ 234696 h 285273"/>
                    <a:gd name="connsiteX98" fmla="*/ 120195 w 285241"/>
                    <a:gd name="connsiteY98" fmla="*/ 240792 h 285273"/>
                    <a:gd name="connsiteX99" fmla="*/ 126958 w 285241"/>
                    <a:gd name="connsiteY99" fmla="*/ 246983 h 285273"/>
                    <a:gd name="connsiteX100" fmla="*/ 132006 w 285241"/>
                    <a:gd name="connsiteY100" fmla="*/ 263747 h 285273"/>
                    <a:gd name="connsiteX101" fmla="*/ 136006 w 285241"/>
                    <a:gd name="connsiteY101" fmla="*/ 266795 h 285273"/>
                    <a:gd name="connsiteX102" fmla="*/ 142388 w 285241"/>
                    <a:gd name="connsiteY102" fmla="*/ 266795 h 285273"/>
                    <a:gd name="connsiteX103" fmla="*/ 148579 w 285241"/>
                    <a:gd name="connsiteY103" fmla="*/ 266795 h 285273"/>
                    <a:gd name="connsiteX104" fmla="*/ 152580 w 285241"/>
                    <a:gd name="connsiteY104" fmla="*/ 263652 h 285273"/>
                    <a:gd name="connsiteX105" fmla="*/ 157533 w 285241"/>
                    <a:gd name="connsiteY105" fmla="*/ 246888 h 285273"/>
                    <a:gd name="connsiteX106" fmla="*/ 164296 w 285241"/>
                    <a:gd name="connsiteY106" fmla="*/ 240697 h 285273"/>
                    <a:gd name="connsiteX107" fmla="*/ 183346 w 285241"/>
                    <a:gd name="connsiteY107" fmla="*/ 234410 h 285273"/>
                    <a:gd name="connsiteX108" fmla="*/ 186965 w 285241"/>
                    <a:gd name="connsiteY108" fmla="*/ 233743 h 285273"/>
                    <a:gd name="connsiteX109" fmla="*/ 192299 w 285241"/>
                    <a:gd name="connsiteY109" fmla="*/ 235553 h 285273"/>
                    <a:gd name="connsiteX110" fmla="*/ 206682 w 285241"/>
                    <a:gd name="connsiteY110" fmla="*/ 246317 h 285273"/>
                    <a:gd name="connsiteX111" fmla="*/ 209254 w 285241"/>
                    <a:gd name="connsiteY111" fmla="*/ 247174 h 285273"/>
                    <a:gd name="connsiteX112" fmla="*/ 211635 w 285241"/>
                    <a:gd name="connsiteY112" fmla="*/ 246507 h 285273"/>
                    <a:gd name="connsiteX113" fmla="*/ 221636 w 285241"/>
                    <a:gd name="connsiteY113" fmla="*/ 239268 h 285273"/>
                    <a:gd name="connsiteX114" fmla="*/ 223065 w 285241"/>
                    <a:gd name="connsiteY114" fmla="*/ 234315 h 285273"/>
                    <a:gd name="connsiteX115" fmla="*/ 217064 w 285241"/>
                    <a:gd name="connsiteY115" fmla="*/ 218027 h 285273"/>
                    <a:gd name="connsiteX116" fmla="*/ 218874 w 285241"/>
                    <a:gd name="connsiteY116" fmla="*/ 208502 h 285273"/>
                    <a:gd name="connsiteX117" fmla="*/ 230685 w 285241"/>
                    <a:gd name="connsiteY117" fmla="*/ 192500 h 285273"/>
                    <a:gd name="connsiteX118" fmla="*/ 238686 w 285241"/>
                    <a:gd name="connsiteY118" fmla="*/ 188119 h 285273"/>
                    <a:gd name="connsiteX119" fmla="*/ 256783 w 285241"/>
                    <a:gd name="connsiteY119" fmla="*/ 188595 h 285273"/>
                    <a:gd name="connsiteX120" fmla="*/ 260879 w 285241"/>
                    <a:gd name="connsiteY120" fmla="*/ 185738 h 285273"/>
                    <a:gd name="connsiteX121" fmla="*/ 264594 w 285241"/>
                    <a:gd name="connsiteY121" fmla="*/ 174498 h 285273"/>
                    <a:gd name="connsiteX122" fmla="*/ 262784 w 285241"/>
                    <a:gd name="connsiteY122" fmla="*/ 169640 h 285273"/>
                    <a:gd name="connsiteX123" fmla="*/ 248116 w 285241"/>
                    <a:gd name="connsiteY123" fmla="*/ 160115 h 285273"/>
                    <a:gd name="connsiteX124" fmla="*/ 244115 w 285241"/>
                    <a:gd name="connsiteY124" fmla="*/ 151829 h 285273"/>
                    <a:gd name="connsiteX125" fmla="*/ 244591 w 285241"/>
                    <a:gd name="connsiteY125" fmla="*/ 142304 h 285273"/>
                    <a:gd name="connsiteX126" fmla="*/ 244115 w 285241"/>
                    <a:gd name="connsiteY126" fmla="*/ 132779 h 285273"/>
                    <a:gd name="connsiteX127" fmla="*/ 248020 w 285241"/>
                    <a:gd name="connsiteY127" fmla="*/ 124492 h 285273"/>
                    <a:gd name="connsiteX128" fmla="*/ 262594 w 285241"/>
                    <a:gd name="connsiteY128" fmla="*/ 114967 h 285273"/>
                    <a:gd name="connsiteX129" fmla="*/ 264403 w 285241"/>
                    <a:gd name="connsiteY129" fmla="*/ 110109 h 285273"/>
                    <a:gd name="connsiteX130" fmla="*/ 260593 w 285241"/>
                    <a:gd name="connsiteY130" fmla="*/ 98870 h 285273"/>
                    <a:gd name="connsiteX131" fmla="*/ 256498 w 285241"/>
                    <a:gd name="connsiteY131" fmla="*/ 96107 h 285273"/>
                    <a:gd name="connsiteX132" fmla="*/ 238591 w 285241"/>
                    <a:gd name="connsiteY132" fmla="*/ 96679 h 285273"/>
                    <a:gd name="connsiteX133" fmla="*/ 230399 w 285241"/>
                    <a:gd name="connsiteY133" fmla="*/ 92297 h 285273"/>
                    <a:gd name="connsiteX134" fmla="*/ 218493 w 285241"/>
                    <a:gd name="connsiteY134" fmla="*/ 76295 h 285273"/>
                    <a:gd name="connsiteX135" fmla="*/ 216683 w 285241"/>
                    <a:gd name="connsiteY135" fmla="*/ 66770 h 285273"/>
                    <a:gd name="connsiteX136" fmla="*/ 222589 w 285241"/>
                    <a:gd name="connsiteY136" fmla="*/ 50387 h 285273"/>
                    <a:gd name="connsiteX137" fmla="*/ 221160 w 285241"/>
                    <a:gd name="connsiteY137" fmla="*/ 45434 h 285273"/>
                    <a:gd name="connsiteX138" fmla="*/ 211064 w 285241"/>
                    <a:gd name="connsiteY138" fmla="*/ 38386 h 285273"/>
                    <a:gd name="connsiteX139" fmla="*/ 208682 w 285241"/>
                    <a:gd name="connsiteY139" fmla="*/ 37624 h 285273"/>
                    <a:gd name="connsiteX140" fmla="*/ 206015 w 285241"/>
                    <a:gd name="connsiteY140" fmla="*/ 38576 h 285273"/>
                    <a:gd name="connsiteX141" fmla="*/ 191728 w 285241"/>
                    <a:gd name="connsiteY141" fmla="*/ 49435 h 285273"/>
                    <a:gd name="connsiteX142" fmla="*/ 182774 w 285241"/>
                    <a:gd name="connsiteY142" fmla="*/ 50483 h 285273"/>
                    <a:gd name="connsiteX143" fmla="*/ 163724 w 285241"/>
                    <a:gd name="connsiteY143" fmla="*/ 44387 h 285273"/>
                    <a:gd name="connsiteX144" fmla="*/ 156961 w 285241"/>
                    <a:gd name="connsiteY144" fmla="*/ 38195 h 285273"/>
                    <a:gd name="connsiteX145" fmla="*/ 151913 w 285241"/>
                    <a:gd name="connsiteY145" fmla="*/ 21431 h 285273"/>
                    <a:gd name="connsiteX146" fmla="*/ 147913 w 285241"/>
                    <a:gd name="connsiteY146" fmla="*/ 18383 h 285273"/>
                    <a:gd name="connsiteX147" fmla="*/ 142769 w 285241"/>
                    <a:gd name="connsiteY147" fmla="*/ 18383 h 285273"/>
                    <a:gd name="connsiteX148" fmla="*/ 141531 w 285241"/>
                    <a:gd name="connsiteY148" fmla="*/ 18383 h 285273"/>
                    <a:gd name="connsiteX149" fmla="*/ 135340 w 285241"/>
                    <a:gd name="connsiteY149" fmla="*/ 18383 h 285273"/>
                    <a:gd name="connsiteX150" fmla="*/ 131339 w 285241"/>
                    <a:gd name="connsiteY150" fmla="*/ 21526 h 285273"/>
                    <a:gd name="connsiteX151" fmla="*/ 126386 w 285241"/>
                    <a:gd name="connsiteY151" fmla="*/ 38291 h 285273"/>
                    <a:gd name="connsiteX152" fmla="*/ 119623 w 285241"/>
                    <a:gd name="connsiteY152" fmla="*/ 44577 h 285273"/>
                    <a:gd name="connsiteX153" fmla="*/ 100573 w 285241"/>
                    <a:gd name="connsiteY153" fmla="*/ 50768 h 285273"/>
                    <a:gd name="connsiteX154" fmla="*/ 97049 w 285241"/>
                    <a:gd name="connsiteY154" fmla="*/ 51435 h 285273"/>
                    <a:gd name="connsiteX155" fmla="*/ 91620 w 285241"/>
                    <a:gd name="connsiteY155" fmla="*/ 49625 h 285273"/>
                    <a:gd name="connsiteX156" fmla="*/ 77237 w 285241"/>
                    <a:gd name="connsiteY156" fmla="*/ 38862 h 285273"/>
                    <a:gd name="connsiteX157" fmla="*/ 72284 w 285241"/>
                    <a:gd name="connsiteY157" fmla="*/ 38862 h 285273"/>
                    <a:gd name="connsiteX158" fmla="*/ 62283 w 285241"/>
                    <a:gd name="connsiteY158" fmla="*/ 46006 h 285273"/>
                    <a:gd name="connsiteX159" fmla="*/ 60854 w 285241"/>
                    <a:gd name="connsiteY159" fmla="*/ 50959 h 285273"/>
                    <a:gd name="connsiteX160" fmla="*/ 66855 w 285241"/>
                    <a:gd name="connsiteY160" fmla="*/ 67246 h 285273"/>
                    <a:gd name="connsiteX161" fmla="*/ 65045 w 285241"/>
                    <a:gd name="connsiteY161" fmla="*/ 76771 h 285273"/>
                    <a:gd name="connsiteX162" fmla="*/ 53234 w 285241"/>
                    <a:gd name="connsiteY162" fmla="*/ 92869 h 285273"/>
                    <a:gd name="connsiteX163" fmla="*/ 45900 w 285241"/>
                    <a:gd name="connsiteY163" fmla="*/ 97250 h 285273"/>
                    <a:gd name="connsiteX164" fmla="*/ 26850 w 285241"/>
                    <a:gd name="connsiteY164" fmla="*/ 97250 h 285273"/>
                    <a:gd name="connsiteX165" fmla="*/ 22659 w 285241"/>
                    <a:gd name="connsiteY165" fmla="*/ 100013 h 285273"/>
                    <a:gd name="connsiteX166" fmla="*/ 18944 w 285241"/>
                    <a:gd name="connsiteY166" fmla="*/ 111252 h 285273"/>
                    <a:gd name="connsiteX167" fmla="*/ 20754 w 285241"/>
                    <a:gd name="connsiteY167" fmla="*/ 116110 h 285273"/>
                    <a:gd name="connsiteX168" fmla="*/ 35422 w 285241"/>
                    <a:gd name="connsiteY168" fmla="*/ 125635 h 285273"/>
                    <a:gd name="connsiteX169" fmla="*/ 39423 w 285241"/>
                    <a:gd name="connsiteY169" fmla="*/ 133921 h 285273"/>
                    <a:gd name="connsiteX170" fmla="*/ 39423 w 285241"/>
                    <a:gd name="connsiteY170" fmla="*/ 143446 h 285273"/>
                    <a:gd name="connsiteX171" fmla="*/ 39423 w 285241"/>
                    <a:gd name="connsiteY171" fmla="*/ 152971 h 285273"/>
                    <a:gd name="connsiteX172" fmla="*/ 35518 w 285241"/>
                    <a:gd name="connsiteY172" fmla="*/ 161354 h 285273"/>
                    <a:gd name="connsiteX173" fmla="*/ 20944 w 285241"/>
                    <a:gd name="connsiteY173" fmla="*/ 170879 h 285273"/>
                    <a:gd name="connsiteX174" fmla="*/ 19135 w 285241"/>
                    <a:gd name="connsiteY174" fmla="*/ 175736 h 285273"/>
                    <a:gd name="connsiteX175" fmla="*/ 22945 w 285241"/>
                    <a:gd name="connsiteY175" fmla="*/ 186976 h 285273"/>
                    <a:gd name="connsiteX176" fmla="*/ 27040 w 285241"/>
                    <a:gd name="connsiteY176" fmla="*/ 189738 h 285273"/>
                    <a:gd name="connsiteX177" fmla="*/ 45519 w 285241"/>
                    <a:gd name="connsiteY177" fmla="*/ 189167 h 285273"/>
                    <a:gd name="connsiteX178" fmla="*/ 53139 w 285241"/>
                    <a:gd name="connsiteY178" fmla="*/ 193548 h 285273"/>
                    <a:gd name="connsiteX179" fmla="*/ 65045 w 285241"/>
                    <a:gd name="connsiteY179" fmla="*/ 209550 h 285273"/>
                    <a:gd name="connsiteX180" fmla="*/ 66855 w 285241"/>
                    <a:gd name="connsiteY180" fmla="*/ 219075 h 285273"/>
                    <a:gd name="connsiteX181" fmla="*/ 60949 w 285241"/>
                    <a:gd name="connsiteY181" fmla="*/ 235458 h 285273"/>
                    <a:gd name="connsiteX182" fmla="*/ 62378 w 285241"/>
                    <a:gd name="connsiteY182" fmla="*/ 240411 h 285273"/>
                    <a:gd name="connsiteX183" fmla="*/ 72475 w 285241"/>
                    <a:gd name="connsiteY183" fmla="*/ 247459 h 285273"/>
                    <a:gd name="connsiteX184" fmla="*/ 74856 w 285241"/>
                    <a:gd name="connsiteY184" fmla="*/ 248221 h 285273"/>
                    <a:gd name="connsiteX185" fmla="*/ 77523 w 285241"/>
                    <a:gd name="connsiteY185" fmla="*/ 247269 h 285273"/>
                    <a:gd name="connsiteX186" fmla="*/ 91715 w 285241"/>
                    <a:gd name="connsiteY186" fmla="*/ 236506 h 285273"/>
                    <a:gd name="connsiteX187" fmla="*/ 97621 w 285241"/>
                    <a:gd name="connsiteY187" fmla="*/ 233934 h 2852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Lst>
                  <a:rect l="l" t="t" r="r" b="b"/>
                  <a:pathLst>
                    <a:path w="285241" h="285273">
                      <a:moveTo>
                        <a:pt x="142293" y="285274"/>
                      </a:moveTo>
                      <a:cubicBezTo>
                        <a:pt x="136626" y="285255"/>
                        <a:pt x="130968" y="284902"/>
                        <a:pt x="125339" y="284226"/>
                      </a:cubicBezTo>
                      <a:cubicBezTo>
                        <a:pt x="121757" y="283874"/>
                        <a:pt x="118747" y="281387"/>
                        <a:pt x="117718" y="277939"/>
                      </a:cubicBezTo>
                      <a:lnTo>
                        <a:pt x="112194" y="259747"/>
                      </a:lnTo>
                      <a:cubicBezTo>
                        <a:pt x="111803" y="258309"/>
                        <a:pt x="110680" y="257184"/>
                        <a:pt x="109241" y="256794"/>
                      </a:cubicBezTo>
                      <a:lnTo>
                        <a:pt x="101240" y="254222"/>
                      </a:lnTo>
                      <a:lnTo>
                        <a:pt x="99811" y="254222"/>
                      </a:lnTo>
                      <a:cubicBezTo>
                        <a:pt x="98849" y="254213"/>
                        <a:pt x="97916" y="254517"/>
                        <a:pt x="97144" y="255079"/>
                      </a:cubicBezTo>
                      <a:lnTo>
                        <a:pt x="81714" y="266795"/>
                      </a:lnTo>
                      <a:cubicBezTo>
                        <a:pt x="80114" y="267995"/>
                        <a:pt x="78190" y="268662"/>
                        <a:pt x="76189" y="268700"/>
                      </a:cubicBezTo>
                      <a:cubicBezTo>
                        <a:pt x="74684" y="268691"/>
                        <a:pt x="73208" y="268300"/>
                        <a:pt x="71903" y="267557"/>
                      </a:cubicBezTo>
                      <a:cubicBezTo>
                        <a:pt x="61807" y="262061"/>
                        <a:pt x="52406" y="255384"/>
                        <a:pt x="43900" y="247650"/>
                      </a:cubicBezTo>
                      <a:cubicBezTo>
                        <a:pt x="41242" y="245250"/>
                        <a:pt x="40271" y="241506"/>
                        <a:pt x="41423" y="238125"/>
                      </a:cubicBezTo>
                      <a:lnTo>
                        <a:pt x="47805" y="220313"/>
                      </a:lnTo>
                      <a:cubicBezTo>
                        <a:pt x="48357" y="218894"/>
                        <a:pt x="48100" y="217294"/>
                        <a:pt x="47138" y="216122"/>
                      </a:cubicBezTo>
                      <a:cubicBezTo>
                        <a:pt x="45519" y="214027"/>
                        <a:pt x="43900" y="211931"/>
                        <a:pt x="42376" y="209741"/>
                      </a:cubicBezTo>
                      <a:cubicBezTo>
                        <a:pt x="41547" y="208559"/>
                        <a:pt x="40195" y="207854"/>
                        <a:pt x="38756" y="207835"/>
                      </a:cubicBezTo>
                      <a:lnTo>
                        <a:pt x="19135" y="208502"/>
                      </a:lnTo>
                      <a:lnTo>
                        <a:pt x="19135" y="208502"/>
                      </a:lnTo>
                      <a:cubicBezTo>
                        <a:pt x="15668" y="208407"/>
                        <a:pt x="12534" y="206435"/>
                        <a:pt x="10943" y="203359"/>
                      </a:cubicBezTo>
                      <a:cubicBezTo>
                        <a:pt x="6095" y="192995"/>
                        <a:pt x="2485" y="182089"/>
                        <a:pt x="180" y="170879"/>
                      </a:cubicBezTo>
                      <a:cubicBezTo>
                        <a:pt x="-534" y="167249"/>
                        <a:pt x="913" y="163535"/>
                        <a:pt x="3895" y="161354"/>
                      </a:cubicBezTo>
                      <a:lnTo>
                        <a:pt x="19897" y="150590"/>
                      </a:lnTo>
                      <a:cubicBezTo>
                        <a:pt x="21106" y="149742"/>
                        <a:pt x="21821" y="148352"/>
                        <a:pt x="21802" y="146875"/>
                      </a:cubicBezTo>
                      <a:cubicBezTo>
                        <a:pt x="21802" y="145542"/>
                        <a:pt x="21802" y="144209"/>
                        <a:pt x="21802" y="142970"/>
                      </a:cubicBezTo>
                      <a:cubicBezTo>
                        <a:pt x="21802" y="141732"/>
                        <a:pt x="21802" y="140398"/>
                        <a:pt x="21802" y="139065"/>
                      </a:cubicBezTo>
                      <a:cubicBezTo>
                        <a:pt x="21792" y="137570"/>
                        <a:pt x="21049" y="136179"/>
                        <a:pt x="19801" y="135350"/>
                      </a:cubicBezTo>
                      <a:lnTo>
                        <a:pt x="3990" y="124587"/>
                      </a:lnTo>
                      <a:cubicBezTo>
                        <a:pt x="971" y="122425"/>
                        <a:pt x="-515" y="118710"/>
                        <a:pt x="180" y="115062"/>
                      </a:cubicBezTo>
                      <a:cubicBezTo>
                        <a:pt x="2409" y="103841"/>
                        <a:pt x="5990" y="92935"/>
                        <a:pt x="10848" y="82582"/>
                      </a:cubicBezTo>
                      <a:cubicBezTo>
                        <a:pt x="12601" y="79477"/>
                        <a:pt x="15858" y="77514"/>
                        <a:pt x="19420" y="77438"/>
                      </a:cubicBezTo>
                      <a:lnTo>
                        <a:pt x="38470" y="77914"/>
                      </a:lnTo>
                      <a:cubicBezTo>
                        <a:pt x="39909" y="77895"/>
                        <a:pt x="41261" y="77191"/>
                        <a:pt x="42090" y="76009"/>
                      </a:cubicBezTo>
                      <a:cubicBezTo>
                        <a:pt x="43614" y="73819"/>
                        <a:pt x="45138" y="71723"/>
                        <a:pt x="46852" y="69533"/>
                      </a:cubicBezTo>
                      <a:cubicBezTo>
                        <a:pt x="47738" y="68323"/>
                        <a:pt x="47986" y="66761"/>
                        <a:pt x="47519" y="65342"/>
                      </a:cubicBezTo>
                      <a:lnTo>
                        <a:pt x="41042" y="47625"/>
                      </a:lnTo>
                      <a:cubicBezTo>
                        <a:pt x="39823" y="44282"/>
                        <a:pt x="40718" y="40529"/>
                        <a:pt x="43328" y="38100"/>
                      </a:cubicBezTo>
                      <a:cubicBezTo>
                        <a:pt x="51844" y="30328"/>
                        <a:pt x="61245" y="23584"/>
                        <a:pt x="71332" y="18002"/>
                      </a:cubicBezTo>
                      <a:cubicBezTo>
                        <a:pt x="72665" y="17250"/>
                        <a:pt x="74180" y="16850"/>
                        <a:pt x="75713" y="16859"/>
                      </a:cubicBezTo>
                      <a:cubicBezTo>
                        <a:pt x="77647" y="16831"/>
                        <a:pt x="79533" y="17469"/>
                        <a:pt x="81047" y="18669"/>
                      </a:cubicBezTo>
                      <a:lnTo>
                        <a:pt x="96573" y="30289"/>
                      </a:lnTo>
                      <a:cubicBezTo>
                        <a:pt x="97316" y="30918"/>
                        <a:pt x="98268" y="31261"/>
                        <a:pt x="99240" y="31242"/>
                      </a:cubicBezTo>
                      <a:cubicBezTo>
                        <a:pt x="99745" y="31337"/>
                        <a:pt x="100259" y="31337"/>
                        <a:pt x="100764" y="31242"/>
                      </a:cubicBezTo>
                      <a:lnTo>
                        <a:pt x="108670" y="28670"/>
                      </a:lnTo>
                      <a:cubicBezTo>
                        <a:pt x="110118" y="28261"/>
                        <a:pt x="111260" y="27156"/>
                        <a:pt x="111718" y="25717"/>
                      </a:cubicBezTo>
                      <a:lnTo>
                        <a:pt x="117052" y="7525"/>
                      </a:lnTo>
                      <a:cubicBezTo>
                        <a:pt x="118176" y="4162"/>
                        <a:pt x="121071" y="1705"/>
                        <a:pt x="124577" y="1143"/>
                      </a:cubicBezTo>
                      <a:cubicBezTo>
                        <a:pt x="129758" y="438"/>
                        <a:pt x="134968" y="57"/>
                        <a:pt x="140198" y="0"/>
                      </a:cubicBezTo>
                      <a:lnTo>
                        <a:pt x="142198" y="0"/>
                      </a:lnTo>
                      <a:cubicBezTo>
                        <a:pt x="147894" y="19"/>
                        <a:pt x="153590" y="371"/>
                        <a:pt x="159248" y="1048"/>
                      </a:cubicBezTo>
                      <a:cubicBezTo>
                        <a:pt x="162829" y="1400"/>
                        <a:pt x="165839" y="3886"/>
                        <a:pt x="166868" y="7334"/>
                      </a:cubicBezTo>
                      <a:lnTo>
                        <a:pt x="172392" y="25527"/>
                      </a:lnTo>
                      <a:cubicBezTo>
                        <a:pt x="172782" y="26965"/>
                        <a:pt x="173906" y="28089"/>
                        <a:pt x="175345" y="28480"/>
                      </a:cubicBezTo>
                      <a:cubicBezTo>
                        <a:pt x="178136" y="29242"/>
                        <a:pt x="180803" y="30099"/>
                        <a:pt x="183346" y="31051"/>
                      </a:cubicBezTo>
                      <a:lnTo>
                        <a:pt x="184774" y="31051"/>
                      </a:lnTo>
                      <a:cubicBezTo>
                        <a:pt x="185736" y="31061"/>
                        <a:pt x="186670" y="30756"/>
                        <a:pt x="187441" y="30194"/>
                      </a:cubicBezTo>
                      <a:lnTo>
                        <a:pt x="202872" y="18479"/>
                      </a:lnTo>
                      <a:cubicBezTo>
                        <a:pt x="204415" y="17250"/>
                        <a:pt x="206330" y="16583"/>
                        <a:pt x="208301" y="16573"/>
                      </a:cubicBezTo>
                      <a:cubicBezTo>
                        <a:pt x="209806" y="16564"/>
                        <a:pt x="211283" y="16964"/>
                        <a:pt x="212587" y="17717"/>
                      </a:cubicBezTo>
                      <a:cubicBezTo>
                        <a:pt x="222884" y="23165"/>
                        <a:pt x="232485" y="29851"/>
                        <a:pt x="241162" y="37624"/>
                      </a:cubicBezTo>
                      <a:cubicBezTo>
                        <a:pt x="243820" y="40024"/>
                        <a:pt x="244792" y="43767"/>
                        <a:pt x="243639" y="47149"/>
                      </a:cubicBezTo>
                      <a:lnTo>
                        <a:pt x="237257" y="64960"/>
                      </a:lnTo>
                      <a:cubicBezTo>
                        <a:pt x="236705" y="66380"/>
                        <a:pt x="236962" y="67980"/>
                        <a:pt x="237924" y="69151"/>
                      </a:cubicBezTo>
                      <a:cubicBezTo>
                        <a:pt x="239639" y="71247"/>
                        <a:pt x="241162" y="73438"/>
                        <a:pt x="242686" y="75533"/>
                      </a:cubicBezTo>
                      <a:cubicBezTo>
                        <a:pt x="243525" y="76705"/>
                        <a:pt x="244868" y="77410"/>
                        <a:pt x="246306" y="77438"/>
                      </a:cubicBezTo>
                      <a:lnTo>
                        <a:pt x="265927" y="76867"/>
                      </a:lnTo>
                      <a:lnTo>
                        <a:pt x="265927" y="76867"/>
                      </a:lnTo>
                      <a:cubicBezTo>
                        <a:pt x="269366" y="76943"/>
                        <a:pt x="272500" y="78876"/>
                        <a:pt x="274119" y="81915"/>
                      </a:cubicBezTo>
                      <a:cubicBezTo>
                        <a:pt x="278967" y="92278"/>
                        <a:pt x="282577" y="103184"/>
                        <a:pt x="284882" y="114395"/>
                      </a:cubicBezTo>
                      <a:cubicBezTo>
                        <a:pt x="285739" y="118053"/>
                        <a:pt x="284215" y="121863"/>
                        <a:pt x="281072" y="123920"/>
                      </a:cubicBezTo>
                      <a:lnTo>
                        <a:pt x="265165" y="134684"/>
                      </a:lnTo>
                      <a:cubicBezTo>
                        <a:pt x="263956" y="135531"/>
                        <a:pt x="263241" y="136922"/>
                        <a:pt x="263260" y="138398"/>
                      </a:cubicBezTo>
                      <a:cubicBezTo>
                        <a:pt x="263260" y="139827"/>
                        <a:pt x="263260" y="141065"/>
                        <a:pt x="263260" y="142304"/>
                      </a:cubicBezTo>
                      <a:cubicBezTo>
                        <a:pt x="263260" y="143542"/>
                        <a:pt x="263260" y="144875"/>
                        <a:pt x="263260" y="146209"/>
                      </a:cubicBezTo>
                      <a:cubicBezTo>
                        <a:pt x="263251" y="147704"/>
                        <a:pt x="264003" y="149104"/>
                        <a:pt x="265261" y="149923"/>
                      </a:cubicBezTo>
                      <a:lnTo>
                        <a:pt x="281263" y="160687"/>
                      </a:lnTo>
                      <a:cubicBezTo>
                        <a:pt x="284282" y="162849"/>
                        <a:pt x="285768" y="166564"/>
                        <a:pt x="285073" y="170212"/>
                      </a:cubicBezTo>
                      <a:cubicBezTo>
                        <a:pt x="282844" y="181432"/>
                        <a:pt x="279262" y="192338"/>
                        <a:pt x="274405" y="202692"/>
                      </a:cubicBezTo>
                      <a:cubicBezTo>
                        <a:pt x="272824" y="205835"/>
                        <a:pt x="269633" y="207845"/>
                        <a:pt x="266118" y="207931"/>
                      </a:cubicBezTo>
                      <a:lnTo>
                        <a:pt x="246401" y="207359"/>
                      </a:lnTo>
                      <a:cubicBezTo>
                        <a:pt x="244925" y="207340"/>
                        <a:pt x="243553" y="208102"/>
                        <a:pt x="242782" y="209359"/>
                      </a:cubicBezTo>
                      <a:cubicBezTo>
                        <a:pt x="241258" y="211455"/>
                        <a:pt x="239734" y="213550"/>
                        <a:pt x="238019" y="215646"/>
                      </a:cubicBezTo>
                      <a:cubicBezTo>
                        <a:pt x="237152" y="216894"/>
                        <a:pt x="236905" y="218475"/>
                        <a:pt x="237352" y="219932"/>
                      </a:cubicBezTo>
                      <a:lnTo>
                        <a:pt x="243829" y="237649"/>
                      </a:lnTo>
                      <a:cubicBezTo>
                        <a:pt x="245049" y="240992"/>
                        <a:pt x="244153" y="244745"/>
                        <a:pt x="241543" y="247174"/>
                      </a:cubicBezTo>
                      <a:cubicBezTo>
                        <a:pt x="233057" y="254984"/>
                        <a:pt x="223655" y="261738"/>
                        <a:pt x="213540" y="267271"/>
                      </a:cubicBezTo>
                      <a:cubicBezTo>
                        <a:pt x="212206" y="268024"/>
                        <a:pt x="210692" y="268424"/>
                        <a:pt x="209158" y="268414"/>
                      </a:cubicBezTo>
                      <a:cubicBezTo>
                        <a:pt x="207206" y="268386"/>
                        <a:pt x="205310" y="267748"/>
                        <a:pt x="203729" y="266605"/>
                      </a:cubicBezTo>
                      <a:lnTo>
                        <a:pt x="188299" y="254984"/>
                      </a:lnTo>
                      <a:cubicBezTo>
                        <a:pt x="187546" y="254365"/>
                        <a:pt x="186603" y="254032"/>
                        <a:pt x="185632" y="254032"/>
                      </a:cubicBezTo>
                      <a:cubicBezTo>
                        <a:pt x="185127" y="253937"/>
                        <a:pt x="184613" y="253937"/>
                        <a:pt x="184108" y="254032"/>
                      </a:cubicBezTo>
                      <a:cubicBezTo>
                        <a:pt x="181536" y="254984"/>
                        <a:pt x="178869" y="255842"/>
                        <a:pt x="176202" y="256604"/>
                      </a:cubicBezTo>
                      <a:cubicBezTo>
                        <a:pt x="174754" y="257013"/>
                        <a:pt x="173611" y="258118"/>
                        <a:pt x="173154" y="259556"/>
                      </a:cubicBezTo>
                      <a:lnTo>
                        <a:pt x="167820" y="277749"/>
                      </a:lnTo>
                      <a:cubicBezTo>
                        <a:pt x="166677" y="281140"/>
                        <a:pt x="163734" y="283607"/>
                        <a:pt x="160200" y="284131"/>
                      </a:cubicBezTo>
                      <a:cubicBezTo>
                        <a:pt x="154447" y="284836"/>
                        <a:pt x="148656" y="285217"/>
                        <a:pt x="142864" y="285274"/>
                      </a:cubicBezTo>
                      <a:close/>
                      <a:moveTo>
                        <a:pt x="97621" y="233934"/>
                      </a:moveTo>
                      <a:cubicBezTo>
                        <a:pt x="98830" y="233963"/>
                        <a:pt x="100030" y="234220"/>
                        <a:pt x="101145" y="234696"/>
                      </a:cubicBezTo>
                      <a:cubicBezTo>
                        <a:pt x="107308" y="237287"/>
                        <a:pt x="113680" y="239325"/>
                        <a:pt x="120195" y="240792"/>
                      </a:cubicBezTo>
                      <a:cubicBezTo>
                        <a:pt x="123414" y="241459"/>
                        <a:pt x="126015" y="243830"/>
                        <a:pt x="126958" y="246983"/>
                      </a:cubicBezTo>
                      <a:lnTo>
                        <a:pt x="132006" y="263747"/>
                      </a:lnTo>
                      <a:cubicBezTo>
                        <a:pt x="132539" y="265519"/>
                        <a:pt x="134159" y="266748"/>
                        <a:pt x="136006" y="266795"/>
                      </a:cubicBezTo>
                      <a:lnTo>
                        <a:pt x="142388" y="266795"/>
                      </a:lnTo>
                      <a:lnTo>
                        <a:pt x="148579" y="266795"/>
                      </a:lnTo>
                      <a:cubicBezTo>
                        <a:pt x="150446" y="266709"/>
                        <a:pt x="152056" y="265443"/>
                        <a:pt x="152580" y="263652"/>
                      </a:cubicBezTo>
                      <a:lnTo>
                        <a:pt x="157533" y="246888"/>
                      </a:lnTo>
                      <a:cubicBezTo>
                        <a:pt x="158476" y="243735"/>
                        <a:pt x="161076" y="241363"/>
                        <a:pt x="164296" y="240697"/>
                      </a:cubicBezTo>
                      <a:cubicBezTo>
                        <a:pt x="170839" y="239230"/>
                        <a:pt x="177212" y="237115"/>
                        <a:pt x="183346" y="234410"/>
                      </a:cubicBezTo>
                      <a:cubicBezTo>
                        <a:pt x="184498" y="233953"/>
                        <a:pt x="185727" y="233724"/>
                        <a:pt x="186965" y="233743"/>
                      </a:cubicBezTo>
                      <a:cubicBezTo>
                        <a:pt x="188899" y="233715"/>
                        <a:pt x="190785" y="234353"/>
                        <a:pt x="192299" y="235553"/>
                      </a:cubicBezTo>
                      <a:lnTo>
                        <a:pt x="206682" y="246317"/>
                      </a:lnTo>
                      <a:cubicBezTo>
                        <a:pt x="207425" y="246878"/>
                        <a:pt x="208330" y="247183"/>
                        <a:pt x="209254" y="247174"/>
                      </a:cubicBezTo>
                      <a:cubicBezTo>
                        <a:pt x="210092" y="247155"/>
                        <a:pt x="210911" y="246926"/>
                        <a:pt x="211635" y="246507"/>
                      </a:cubicBezTo>
                      <a:cubicBezTo>
                        <a:pt x="215102" y="244278"/>
                        <a:pt x="218436" y="241859"/>
                        <a:pt x="221636" y="239268"/>
                      </a:cubicBezTo>
                      <a:cubicBezTo>
                        <a:pt x="223160" y="238115"/>
                        <a:pt x="223741" y="236096"/>
                        <a:pt x="223065" y="234315"/>
                      </a:cubicBezTo>
                      <a:lnTo>
                        <a:pt x="217064" y="218027"/>
                      </a:lnTo>
                      <a:cubicBezTo>
                        <a:pt x="215750" y="214770"/>
                        <a:pt x="216455" y="211045"/>
                        <a:pt x="218874" y="208502"/>
                      </a:cubicBezTo>
                      <a:cubicBezTo>
                        <a:pt x="223341" y="203587"/>
                        <a:pt x="227304" y="198225"/>
                        <a:pt x="230685" y="192500"/>
                      </a:cubicBezTo>
                      <a:cubicBezTo>
                        <a:pt x="232438" y="189776"/>
                        <a:pt x="235448" y="188128"/>
                        <a:pt x="238686" y="188119"/>
                      </a:cubicBezTo>
                      <a:lnTo>
                        <a:pt x="256783" y="188595"/>
                      </a:lnTo>
                      <a:cubicBezTo>
                        <a:pt x="258612" y="188585"/>
                        <a:pt x="260241" y="187452"/>
                        <a:pt x="260879" y="185738"/>
                      </a:cubicBezTo>
                      <a:cubicBezTo>
                        <a:pt x="262318" y="182061"/>
                        <a:pt x="263556" y="178308"/>
                        <a:pt x="264594" y="174498"/>
                      </a:cubicBezTo>
                      <a:cubicBezTo>
                        <a:pt x="265051" y="172660"/>
                        <a:pt x="264337" y="170726"/>
                        <a:pt x="262784" y="169640"/>
                      </a:cubicBezTo>
                      <a:lnTo>
                        <a:pt x="248116" y="160115"/>
                      </a:lnTo>
                      <a:cubicBezTo>
                        <a:pt x="245353" y="158305"/>
                        <a:pt x="243820" y="155115"/>
                        <a:pt x="244115" y="151829"/>
                      </a:cubicBezTo>
                      <a:cubicBezTo>
                        <a:pt x="244439" y="148666"/>
                        <a:pt x="244591" y="145485"/>
                        <a:pt x="244591" y="142304"/>
                      </a:cubicBezTo>
                      <a:cubicBezTo>
                        <a:pt x="244591" y="139065"/>
                        <a:pt x="244591" y="135826"/>
                        <a:pt x="244115" y="132779"/>
                      </a:cubicBezTo>
                      <a:cubicBezTo>
                        <a:pt x="243753" y="129502"/>
                        <a:pt x="245268" y="126301"/>
                        <a:pt x="248020" y="124492"/>
                      </a:cubicBezTo>
                      <a:lnTo>
                        <a:pt x="262594" y="114967"/>
                      </a:lnTo>
                      <a:cubicBezTo>
                        <a:pt x="264165" y="113900"/>
                        <a:pt x="264899" y="111947"/>
                        <a:pt x="264403" y="110109"/>
                      </a:cubicBezTo>
                      <a:cubicBezTo>
                        <a:pt x="263356" y="106394"/>
                        <a:pt x="262022" y="102584"/>
                        <a:pt x="260593" y="98870"/>
                      </a:cubicBezTo>
                      <a:cubicBezTo>
                        <a:pt x="259908" y="97212"/>
                        <a:pt x="258298" y="96126"/>
                        <a:pt x="256498" y="96107"/>
                      </a:cubicBezTo>
                      <a:lnTo>
                        <a:pt x="238591" y="96679"/>
                      </a:lnTo>
                      <a:cubicBezTo>
                        <a:pt x="235286" y="96736"/>
                        <a:pt x="232180" y="95079"/>
                        <a:pt x="230399" y="92297"/>
                      </a:cubicBezTo>
                      <a:cubicBezTo>
                        <a:pt x="226951" y="86592"/>
                        <a:pt x="222970" y="81239"/>
                        <a:pt x="218493" y="76295"/>
                      </a:cubicBezTo>
                      <a:cubicBezTo>
                        <a:pt x="216055" y="73762"/>
                        <a:pt x="215340" y="70018"/>
                        <a:pt x="216683" y="66770"/>
                      </a:cubicBezTo>
                      <a:lnTo>
                        <a:pt x="222589" y="50387"/>
                      </a:lnTo>
                      <a:cubicBezTo>
                        <a:pt x="223151" y="48597"/>
                        <a:pt x="222589" y="46644"/>
                        <a:pt x="221160" y="45434"/>
                      </a:cubicBezTo>
                      <a:cubicBezTo>
                        <a:pt x="217922" y="42958"/>
                        <a:pt x="214588" y="40576"/>
                        <a:pt x="211064" y="38386"/>
                      </a:cubicBezTo>
                      <a:cubicBezTo>
                        <a:pt x="210359" y="37909"/>
                        <a:pt x="209530" y="37643"/>
                        <a:pt x="208682" y="37624"/>
                      </a:cubicBezTo>
                      <a:cubicBezTo>
                        <a:pt x="207711" y="37624"/>
                        <a:pt x="206768" y="37957"/>
                        <a:pt x="206015" y="38576"/>
                      </a:cubicBezTo>
                      <a:lnTo>
                        <a:pt x="191728" y="49435"/>
                      </a:lnTo>
                      <a:cubicBezTo>
                        <a:pt x="189156" y="51387"/>
                        <a:pt x="185727" y="51787"/>
                        <a:pt x="182774" y="50483"/>
                      </a:cubicBezTo>
                      <a:cubicBezTo>
                        <a:pt x="176631" y="47844"/>
                        <a:pt x="170258" y="45806"/>
                        <a:pt x="163724" y="44387"/>
                      </a:cubicBezTo>
                      <a:cubicBezTo>
                        <a:pt x="160505" y="43720"/>
                        <a:pt x="157904" y="41348"/>
                        <a:pt x="156961" y="38195"/>
                      </a:cubicBezTo>
                      <a:lnTo>
                        <a:pt x="151913" y="21431"/>
                      </a:lnTo>
                      <a:cubicBezTo>
                        <a:pt x="151351" y="19679"/>
                        <a:pt x="149751" y="18459"/>
                        <a:pt x="147913" y="18383"/>
                      </a:cubicBezTo>
                      <a:lnTo>
                        <a:pt x="142769" y="18383"/>
                      </a:lnTo>
                      <a:lnTo>
                        <a:pt x="141531" y="18383"/>
                      </a:lnTo>
                      <a:lnTo>
                        <a:pt x="135340" y="18383"/>
                      </a:lnTo>
                      <a:cubicBezTo>
                        <a:pt x="133463" y="18440"/>
                        <a:pt x="131844" y="19717"/>
                        <a:pt x="131339" y="21526"/>
                      </a:cubicBezTo>
                      <a:lnTo>
                        <a:pt x="126386" y="38291"/>
                      </a:lnTo>
                      <a:cubicBezTo>
                        <a:pt x="125367" y="41415"/>
                        <a:pt x="122814" y="43786"/>
                        <a:pt x="119623" y="44577"/>
                      </a:cubicBezTo>
                      <a:cubicBezTo>
                        <a:pt x="113080" y="45977"/>
                        <a:pt x="106688" y="48044"/>
                        <a:pt x="100573" y="50768"/>
                      </a:cubicBezTo>
                      <a:cubicBezTo>
                        <a:pt x="99450" y="51216"/>
                        <a:pt x="98259" y="51435"/>
                        <a:pt x="97049" y="51435"/>
                      </a:cubicBezTo>
                      <a:cubicBezTo>
                        <a:pt x="95087" y="51483"/>
                        <a:pt x="93163" y="50835"/>
                        <a:pt x="91620" y="49625"/>
                      </a:cubicBezTo>
                      <a:lnTo>
                        <a:pt x="77237" y="38862"/>
                      </a:lnTo>
                      <a:cubicBezTo>
                        <a:pt x="75761" y="37786"/>
                        <a:pt x="73761" y="37786"/>
                        <a:pt x="72284" y="38862"/>
                      </a:cubicBezTo>
                      <a:cubicBezTo>
                        <a:pt x="68817" y="41043"/>
                        <a:pt x="65474" y="43434"/>
                        <a:pt x="62283" y="46006"/>
                      </a:cubicBezTo>
                      <a:cubicBezTo>
                        <a:pt x="60759" y="47158"/>
                        <a:pt x="60178" y="49178"/>
                        <a:pt x="60854" y="50959"/>
                      </a:cubicBezTo>
                      <a:lnTo>
                        <a:pt x="66855" y="67246"/>
                      </a:lnTo>
                      <a:cubicBezTo>
                        <a:pt x="68198" y="70495"/>
                        <a:pt x="67484" y="74238"/>
                        <a:pt x="65045" y="76771"/>
                      </a:cubicBezTo>
                      <a:cubicBezTo>
                        <a:pt x="60607" y="81753"/>
                        <a:pt x="56654" y="87144"/>
                        <a:pt x="53234" y="92869"/>
                      </a:cubicBezTo>
                      <a:cubicBezTo>
                        <a:pt x="51758" y="95545"/>
                        <a:pt x="48957" y="97222"/>
                        <a:pt x="45900" y="97250"/>
                      </a:cubicBezTo>
                      <a:lnTo>
                        <a:pt x="26850" y="97250"/>
                      </a:lnTo>
                      <a:cubicBezTo>
                        <a:pt x="25012" y="97203"/>
                        <a:pt x="23335" y="98308"/>
                        <a:pt x="22659" y="100013"/>
                      </a:cubicBezTo>
                      <a:cubicBezTo>
                        <a:pt x="21325" y="103632"/>
                        <a:pt x="19992" y="107442"/>
                        <a:pt x="18944" y="111252"/>
                      </a:cubicBezTo>
                      <a:cubicBezTo>
                        <a:pt x="18487" y="113090"/>
                        <a:pt x="19201" y="115024"/>
                        <a:pt x="20754" y="116110"/>
                      </a:cubicBezTo>
                      <a:lnTo>
                        <a:pt x="35422" y="125635"/>
                      </a:lnTo>
                      <a:cubicBezTo>
                        <a:pt x="38089" y="127530"/>
                        <a:pt x="39604" y="130654"/>
                        <a:pt x="39423" y="133921"/>
                      </a:cubicBezTo>
                      <a:cubicBezTo>
                        <a:pt x="39242" y="137093"/>
                        <a:pt x="39242" y="140275"/>
                        <a:pt x="39423" y="143446"/>
                      </a:cubicBezTo>
                      <a:cubicBezTo>
                        <a:pt x="39423" y="146780"/>
                        <a:pt x="39423" y="150019"/>
                        <a:pt x="39423" y="152971"/>
                      </a:cubicBezTo>
                      <a:cubicBezTo>
                        <a:pt x="39794" y="156277"/>
                        <a:pt x="38289" y="159515"/>
                        <a:pt x="35518" y="161354"/>
                      </a:cubicBezTo>
                      <a:lnTo>
                        <a:pt x="20944" y="170879"/>
                      </a:lnTo>
                      <a:cubicBezTo>
                        <a:pt x="19373" y="171945"/>
                        <a:pt x="18639" y="173898"/>
                        <a:pt x="19135" y="175736"/>
                      </a:cubicBezTo>
                      <a:cubicBezTo>
                        <a:pt x="20182" y="179451"/>
                        <a:pt x="21516" y="183261"/>
                        <a:pt x="22945" y="186976"/>
                      </a:cubicBezTo>
                      <a:cubicBezTo>
                        <a:pt x="23611" y="188652"/>
                        <a:pt x="25240" y="189747"/>
                        <a:pt x="27040" y="189738"/>
                      </a:cubicBezTo>
                      <a:lnTo>
                        <a:pt x="45519" y="189167"/>
                      </a:lnTo>
                      <a:cubicBezTo>
                        <a:pt x="48662" y="189157"/>
                        <a:pt x="51567" y="190824"/>
                        <a:pt x="53139" y="193548"/>
                      </a:cubicBezTo>
                      <a:cubicBezTo>
                        <a:pt x="56530" y="199292"/>
                        <a:pt x="60521" y="204654"/>
                        <a:pt x="65045" y="209550"/>
                      </a:cubicBezTo>
                      <a:cubicBezTo>
                        <a:pt x="67512" y="212074"/>
                        <a:pt x="68227" y="215827"/>
                        <a:pt x="66855" y="219075"/>
                      </a:cubicBezTo>
                      <a:lnTo>
                        <a:pt x="60949" y="235458"/>
                      </a:lnTo>
                      <a:cubicBezTo>
                        <a:pt x="60359" y="237249"/>
                        <a:pt x="60930" y="239211"/>
                        <a:pt x="62378" y="240411"/>
                      </a:cubicBezTo>
                      <a:cubicBezTo>
                        <a:pt x="65617" y="242945"/>
                        <a:pt x="68989" y="245297"/>
                        <a:pt x="72475" y="247459"/>
                      </a:cubicBezTo>
                      <a:cubicBezTo>
                        <a:pt x="73170" y="247945"/>
                        <a:pt x="73999" y="248212"/>
                        <a:pt x="74856" y="248221"/>
                      </a:cubicBezTo>
                      <a:cubicBezTo>
                        <a:pt x="75828" y="248212"/>
                        <a:pt x="76761" y="247869"/>
                        <a:pt x="77523" y="247269"/>
                      </a:cubicBezTo>
                      <a:lnTo>
                        <a:pt x="91715" y="236506"/>
                      </a:lnTo>
                      <a:cubicBezTo>
                        <a:pt x="93296" y="234944"/>
                        <a:pt x="95401" y="234029"/>
                        <a:pt x="97621" y="233934"/>
                      </a:cubicBezTo>
                      <a:close/>
                    </a:path>
                  </a:pathLst>
                </a:custGeom>
                <a:solidFill>
                  <a:srgbClr val="265998"/>
                </a:solidFill>
                <a:ln w="9525" cap="flat">
                  <a:noFill/>
                  <a:prstDash val="solid"/>
                  <a:miter/>
                </a:ln>
              </p:spPr>
              <p:txBody>
                <a:bodyPr rtlCol="0" anchor="ctr"/>
                <a:lstStyle/>
                <a:p>
                  <a:endParaRPr lang="en-AU"/>
                </a:p>
              </p:txBody>
            </p:sp>
            <p:sp>
              <p:nvSpPr>
                <p:cNvPr id="69" name="Graphic 2">
                  <a:extLst>
                    <a:ext uri="{FF2B5EF4-FFF2-40B4-BE49-F238E27FC236}">
                      <a16:creationId xmlns:a16="http://schemas.microsoft.com/office/drawing/2014/main" id="{F836D1B1-FD08-4E70-AB97-C7604AA2360F}"/>
                    </a:ext>
                  </a:extLst>
                </p:cNvPr>
                <p:cNvSpPr/>
                <p:nvPr/>
              </p:nvSpPr>
              <p:spPr>
                <a:xfrm>
                  <a:off x="1875948" y="2268982"/>
                  <a:ext cx="124968" cy="124967"/>
                </a:xfrm>
                <a:custGeom>
                  <a:avLst/>
                  <a:gdLst>
                    <a:gd name="connsiteX0" fmla="*/ 62484 w 124968"/>
                    <a:gd name="connsiteY0" fmla="*/ 124968 h 124967"/>
                    <a:gd name="connsiteX1" fmla="*/ 0 w 124968"/>
                    <a:gd name="connsiteY1" fmla="*/ 62484 h 124967"/>
                    <a:gd name="connsiteX2" fmla="*/ 62484 w 124968"/>
                    <a:gd name="connsiteY2" fmla="*/ 0 h 124967"/>
                    <a:gd name="connsiteX3" fmla="*/ 124968 w 124968"/>
                    <a:gd name="connsiteY3" fmla="*/ 62484 h 124967"/>
                    <a:gd name="connsiteX4" fmla="*/ 124968 w 124968"/>
                    <a:gd name="connsiteY4" fmla="*/ 62579 h 124967"/>
                    <a:gd name="connsiteX5" fmla="*/ 62484 w 124968"/>
                    <a:gd name="connsiteY5" fmla="*/ 124968 h 124967"/>
                    <a:gd name="connsiteX6" fmla="*/ 62484 w 124968"/>
                    <a:gd name="connsiteY6" fmla="*/ 18002 h 124967"/>
                    <a:gd name="connsiteX7" fmla="*/ 17907 w 124968"/>
                    <a:gd name="connsiteY7" fmla="*/ 62579 h 124967"/>
                    <a:gd name="connsiteX8" fmla="*/ 62484 w 124968"/>
                    <a:gd name="connsiteY8" fmla="*/ 107156 h 124967"/>
                    <a:gd name="connsiteX9" fmla="*/ 107061 w 124968"/>
                    <a:gd name="connsiteY9" fmla="*/ 62579 h 124967"/>
                    <a:gd name="connsiteX10" fmla="*/ 62865 w 124968"/>
                    <a:gd name="connsiteY10" fmla="*/ 17621 h 124967"/>
                    <a:gd name="connsiteX11" fmla="*/ 62484 w 124968"/>
                    <a:gd name="connsiteY11" fmla="*/ 17621 h 124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4968" h="124967">
                      <a:moveTo>
                        <a:pt x="62484" y="124968"/>
                      </a:moveTo>
                      <a:cubicBezTo>
                        <a:pt x="27975" y="124968"/>
                        <a:pt x="0" y="96993"/>
                        <a:pt x="0" y="62484"/>
                      </a:cubicBezTo>
                      <a:cubicBezTo>
                        <a:pt x="0" y="27975"/>
                        <a:pt x="27975" y="0"/>
                        <a:pt x="62484" y="0"/>
                      </a:cubicBezTo>
                      <a:cubicBezTo>
                        <a:pt x="96993" y="0"/>
                        <a:pt x="124968" y="27975"/>
                        <a:pt x="124968" y="62484"/>
                      </a:cubicBezTo>
                      <a:cubicBezTo>
                        <a:pt x="124968" y="62512"/>
                        <a:pt x="124968" y="62551"/>
                        <a:pt x="124968" y="62579"/>
                      </a:cubicBezTo>
                      <a:cubicBezTo>
                        <a:pt x="124911" y="97050"/>
                        <a:pt x="96955" y="124968"/>
                        <a:pt x="62484" y="124968"/>
                      </a:cubicBezTo>
                      <a:close/>
                      <a:moveTo>
                        <a:pt x="62484" y="18002"/>
                      </a:moveTo>
                      <a:cubicBezTo>
                        <a:pt x="37862" y="18002"/>
                        <a:pt x="17907" y="37957"/>
                        <a:pt x="17907" y="62579"/>
                      </a:cubicBezTo>
                      <a:cubicBezTo>
                        <a:pt x="17907" y="87201"/>
                        <a:pt x="37862" y="107156"/>
                        <a:pt x="62484" y="107156"/>
                      </a:cubicBezTo>
                      <a:cubicBezTo>
                        <a:pt x="87106" y="107156"/>
                        <a:pt x="107061" y="87201"/>
                        <a:pt x="107061" y="62579"/>
                      </a:cubicBezTo>
                      <a:cubicBezTo>
                        <a:pt x="107271" y="37957"/>
                        <a:pt x="87487" y="17831"/>
                        <a:pt x="62865" y="17621"/>
                      </a:cubicBezTo>
                      <a:cubicBezTo>
                        <a:pt x="62741" y="17621"/>
                        <a:pt x="62608" y="17621"/>
                        <a:pt x="62484" y="17621"/>
                      </a:cubicBezTo>
                      <a:close/>
                    </a:path>
                  </a:pathLst>
                </a:custGeom>
                <a:solidFill>
                  <a:srgbClr val="265998"/>
                </a:solidFill>
                <a:ln w="9525" cap="flat">
                  <a:noFill/>
                  <a:prstDash val="solid"/>
                  <a:miter/>
                </a:ln>
              </p:spPr>
              <p:txBody>
                <a:bodyPr rtlCol="0" anchor="ctr"/>
                <a:lstStyle/>
                <a:p>
                  <a:endParaRPr lang="en-AU"/>
                </a:p>
              </p:txBody>
            </p:sp>
            <p:sp>
              <p:nvSpPr>
                <p:cNvPr id="70" name="Graphic 2">
                  <a:extLst>
                    <a:ext uri="{FF2B5EF4-FFF2-40B4-BE49-F238E27FC236}">
                      <a16:creationId xmlns:a16="http://schemas.microsoft.com/office/drawing/2014/main" id="{AB1A2115-7093-475E-91B7-090074F418AF}"/>
                    </a:ext>
                  </a:extLst>
                </p:cNvPr>
                <p:cNvSpPr/>
                <p:nvPr/>
              </p:nvSpPr>
              <p:spPr>
                <a:xfrm>
                  <a:off x="1933636" y="2340038"/>
                  <a:ext cx="281447" cy="267792"/>
                </a:xfrm>
                <a:custGeom>
                  <a:avLst/>
                  <a:gdLst>
                    <a:gd name="connsiteX0" fmla="*/ 138527 w 281447"/>
                    <a:gd name="connsiteY0" fmla="*/ 267462 h 267792"/>
                    <a:gd name="connsiteX1" fmla="*/ 121573 w 281447"/>
                    <a:gd name="connsiteY1" fmla="*/ 266510 h 267792"/>
                    <a:gd name="connsiteX2" fmla="*/ 114048 w 281447"/>
                    <a:gd name="connsiteY2" fmla="*/ 260128 h 267792"/>
                    <a:gd name="connsiteX3" fmla="*/ 108523 w 281447"/>
                    <a:gd name="connsiteY3" fmla="*/ 242030 h 267792"/>
                    <a:gd name="connsiteX4" fmla="*/ 105476 w 281447"/>
                    <a:gd name="connsiteY4" fmla="*/ 239078 h 267792"/>
                    <a:gd name="connsiteX5" fmla="*/ 97570 w 281447"/>
                    <a:gd name="connsiteY5" fmla="*/ 236506 h 267792"/>
                    <a:gd name="connsiteX6" fmla="*/ 96141 w 281447"/>
                    <a:gd name="connsiteY6" fmla="*/ 236506 h 267792"/>
                    <a:gd name="connsiteX7" fmla="*/ 93474 w 281447"/>
                    <a:gd name="connsiteY7" fmla="*/ 237363 h 267792"/>
                    <a:gd name="connsiteX8" fmla="*/ 77948 w 281447"/>
                    <a:gd name="connsiteY8" fmla="*/ 249079 h 267792"/>
                    <a:gd name="connsiteX9" fmla="*/ 72519 w 281447"/>
                    <a:gd name="connsiteY9" fmla="*/ 250889 h 267792"/>
                    <a:gd name="connsiteX10" fmla="*/ 68233 w 281447"/>
                    <a:gd name="connsiteY10" fmla="*/ 249841 h 267792"/>
                    <a:gd name="connsiteX11" fmla="*/ 40134 w 281447"/>
                    <a:gd name="connsiteY11" fmla="*/ 229838 h 267792"/>
                    <a:gd name="connsiteX12" fmla="*/ 37753 w 281447"/>
                    <a:gd name="connsiteY12" fmla="*/ 220313 h 267792"/>
                    <a:gd name="connsiteX13" fmla="*/ 44135 w 281447"/>
                    <a:gd name="connsiteY13" fmla="*/ 202502 h 267792"/>
                    <a:gd name="connsiteX14" fmla="*/ 43468 w 281447"/>
                    <a:gd name="connsiteY14" fmla="*/ 198215 h 267792"/>
                    <a:gd name="connsiteX15" fmla="*/ 38705 w 281447"/>
                    <a:gd name="connsiteY15" fmla="*/ 191929 h 267792"/>
                    <a:gd name="connsiteX16" fmla="*/ 35086 w 281447"/>
                    <a:gd name="connsiteY16" fmla="*/ 190024 h 267792"/>
                    <a:gd name="connsiteX17" fmla="*/ 15369 w 281447"/>
                    <a:gd name="connsiteY17" fmla="*/ 190596 h 267792"/>
                    <a:gd name="connsiteX18" fmla="*/ 15369 w 281447"/>
                    <a:gd name="connsiteY18" fmla="*/ 190596 h 267792"/>
                    <a:gd name="connsiteX19" fmla="*/ 7273 w 281447"/>
                    <a:gd name="connsiteY19" fmla="*/ 185452 h 267792"/>
                    <a:gd name="connsiteX20" fmla="*/ 319 w 281447"/>
                    <a:gd name="connsiteY20" fmla="*/ 167926 h 267792"/>
                    <a:gd name="connsiteX21" fmla="*/ 6130 w 281447"/>
                    <a:gd name="connsiteY21" fmla="*/ 156591 h 267792"/>
                    <a:gd name="connsiteX22" fmla="*/ 8892 w 281447"/>
                    <a:gd name="connsiteY22" fmla="*/ 156591 h 267792"/>
                    <a:gd name="connsiteX23" fmla="*/ 17464 w 281447"/>
                    <a:gd name="connsiteY23" fmla="*/ 162782 h 267792"/>
                    <a:gd name="connsiteX24" fmla="*/ 19941 w 281447"/>
                    <a:gd name="connsiteY24" fmla="*/ 170021 h 267792"/>
                    <a:gd name="connsiteX25" fmla="*/ 24037 w 281447"/>
                    <a:gd name="connsiteY25" fmla="*/ 172784 h 267792"/>
                    <a:gd name="connsiteX26" fmla="*/ 42230 w 281447"/>
                    <a:gd name="connsiteY26" fmla="*/ 172212 h 267792"/>
                    <a:gd name="connsiteX27" fmla="*/ 50231 w 281447"/>
                    <a:gd name="connsiteY27" fmla="*/ 176594 h 267792"/>
                    <a:gd name="connsiteX28" fmla="*/ 62137 w 281447"/>
                    <a:gd name="connsiteY28" fmla="*/ 192500 h 267792"/>
                    <a:gd name="connsiteX29" fmla="*/ 63947 w 281447"/>
                    <a:gd name="connsiteY29" fmla="*/ 202025 h 267792"/>
                    <a:gd name="connsiteX30" fmla="*/ 58041 w 281447"/>
                    <a:gd name="connsiteY30" fmla="*/ 218408 h 267792"/>
                    <a:gd name="connsiteX31" fmla="*/ 59470 w 281447"/>
                    <a:gd name="connsiteY31" fmla="*/ 223361 h 267792"/>
                    <a:gd name="connsiteX32" fmla="*/ 69566 w 281447"/>
                    <a:gd name="connsiteY32" fmla="*/ 230410 h 267792"/>
                    <a:gd name="connsiteX33" fmla="*/ 71852 w 281447"/>
                    <a:gd name="connsiteY33" fmla="*/ 231077 h 267792"/>
                    <a:gd name="connsiteX34" fmla="*/ 74519 w 281447"/>
                    <a:gd name="connsiteY34" fmla="*/ 230219 h 267792"/>
                    <a:gd name="connsiteX35" fmla="*/ 88807 w 281447"/>
                    <a:gd name="connsiteY35" fmla="*/ 219361 h 267792"/>
                    <a:gd name="connsiteX36" fmla="*/ 94236 w 281447"/>
                    <a:gd name="connsiteY36" fmla="*/ 217551 h 267792"/>
                    <a:gd name="connsiteX37" fmla="*/ 97760 w 281447"/>
                    <a:gd name="connsiteY37" fmla="*/ 218218 h 267792"/>
                    <a:gd name="connsiteX38" fmla="*/ 116810 w 281447"/>
                    <a:gd name="connsiteY38" fmla="*/ 224314 h 267792"/>
                    <a:gd name="connsiteX39" fmla="*/ 123478 w 281447"/>
                    <a:gd name="connsiteY39" fmla="*/ 230505 h 267792"/>
                    <a:gd name="connsiteX40" fmla="*/ 128621 w 281447"/>
                    <a:gd name="connsiteY40" fmla="*/ 247269 h 267792"/>
                    <a:gd name="connsiteX41" fmla="*/ 132527 w 281447"/>
                    <a:gd name="connsiteY41" fmla="*/ 250413 h 267792"/>
                    <a:gd name="connsiteX42" fmla="*/ 138908 w 281447"/>
                    <a:gd name="connsiteY42" fmla="*/ 250413 h 267792"/>
                    <a:gd name="connsiteX43" fmla="*/ 145195 w 281447"/>
                    <a:gd name="connsiteY43" fmla="*/ 250413 h 267792"/>
                    <a:gd name="connsiteX44" fmla="*/ 149195 w 281447"/>
                    <a:gd name="connsiteY44" fmla="*/ 247269 h 267792"/>
                    <a:gd name="connsiteX45" fmla="*/ 154148 w 281447"/>
                    <a:gd name="connsiteY45" fmla="*/ 230410 h 267792"/>
                    <a:gd name="connsiteX46" fmla="*/ 160911 w 281447"/>
                    <a:gd name="connsiteY46" fmla="*/ 224219 h 267792"/>
                    <a:gd name="connsiteX47" fmla="*/ 179961 w 281447"/>
                    <a:gd name="connsiteY47" fmla="*/ 218027 h 267792"/>
                    <a:gd name="connsiteX48" fmla="*/ 183485 w 281447"/>
                    <a:gd name="connsiteY48" fmla="*/ 217361 h 267792"/>
                    <a:gd name="connsiteX49" fmla="*/ 188914 w 281447"/>
                    <a:gd name="connsiteY49" fmla="*/ 219075 h 267792"/>
                    <a:gd name="connsiteX50" fmla="*/ 203202 w 281447"/>
                    <a:gd name="connsiteY50" fmla="*/ 229838 h 267792"/>
                    <a:gd name="connsiteX51" fmla="*/ 205869 w 281447"/>
                    <a:gd name="connsiteY51" fmla="*/ 230791 h 267792"/>
                    <a:gd name="connsiteX52" fmla="*/ 208250 w 281447"/>
                    <a:gd name="connsiteY52" fmla="*/ 230029 h 267792"/>
                    <a:gd name="connsiteX53" fmla="*/ 218252 w 281447"/>
                    <a:gd name="connsiteY53" fmla="*/ 222885 h 267792"/>
                    <a:gd name="connsiteX54" fmla="*/ 219680 w 281447"/>
                    <a:gd name="connsiteY54" fmla="*/ 217932 h 267792"/>
                    <a:gd name="connsiteX55" fmla="*/ 213680 w 281447"/>
                    <a:gd name="connsiteY55" fmla="*/ 201644 h 267792"/>
                    <a:gd name="connsiteX56" fmla="*/ 215489 w 281447"/>
                    <a:gd name="connsiteY56" fmla="*/ 192119 h 267792"/>
                    <a:gd name="connsiteX57" fmla="*/ 227300 w 281447"/>
                    <a:gd name="connsiteY57" fmla="*/ 176117 h 267792"/>
                    <a:gd name="connsiteX58" fmla="*/ 235206 w 281447"/>
                    <a:gd name="connsiteY58" fmla="*/ 171736 h 267792"/>
                    <a:gd name="connsiteX59" fmla="*/ 253399 w 281447"/>
                    <a:gd name="connsiteY59" fmla="*/ 171736 h 267792"/>
                    <a:gd name="connsiteX60" fmla="*/ 257494 w 281447"/>
                    <a:gd name="connsiteY60" fmla="*/ 168974 h 267792"/>
                    <a:gd name="connsiteX61" fmla="*/ 261114 w 281447"/>
                    <a:gd name="connsiteY61" fmla="*/ 157734 h 267792"/>
                    <a:gd name="connsiteX62" fmla="*/ 259400 w 281447"/>
                    <a:gd name="connsiteY62" fmla="*/ 152876 h 267792"/>
                    <a:gd name="connsiteX63" fmla="*/ 244636 w 281447"/>
                    <a:gd name="connsiteY63" fmla="*/ 143351 h 267792"/>
                    <a:gd name="connsiteX64" fmla="*/ 240731 w 281447"/>
                    <a:gd name="connsiteY64" fmla="*/ 135065 h 267792"/>
                    <a:gd name="connsiteX65" fmla="*/ 240731 w 281447"/>
                    <a:gd name="connsiteY65" fmla="*/ 125063 h 267792"/>
                    <a:gd name="connsiteX66" fmla="*/ 240159 w 281447"/>
                    <a:gd name="connsiteY66" fmla="*/ 115538 h 267792"/>
                    <a:gd name="connsiteX67" fmla="*/ 244064 w 281447"/>
                    <a:gd name="connsiteY67" fmla="*/ 107252 h 267792"/>
                    <a:gd name="connsiteX68" fmla="*/ 258733 w 281447"/>
                    <a:gd name="connsiteY68" fmla="*/ 97727 h 267792"/>
                    <a:gd name="connsiteX69" fmla="*/ 260447 w 281447"/>
                    <a:gd name="connsiteY69" fmla="*/ 92869 h 267792"/>
                    <a:gd name="connsiteX70" fmla="*/ 256733 w 281447"/>
                    <a:gd name="connsiteY70" fmla="*/ 81629 h 267792"/>
                    <a:gd name="connsiteX71" fmla="*/ 252637 w 281447"/>
                    <a:gd name="connsiteY71" fmla="*/ 78867 h 267792"/>
                    <a:gd name="connsiteX72" fmla="*/ 234444 w 281447"/>
                    <a:gd name="connsiteY72" fmla="*/ 79343 h 267792"/>
                    <a:gd name="connsiteX73" fmla="*/ 226538 w 281447"/>
                    <a:gd name="connsiteY73" fmla="*/ 75057 h 267792"/>
                    <a:gd name="connsiteX74" fmla="*/ 214537 w 281447"/>
                    <a:gd name="connsiteY74" fmla="*/ 58960 h 267792"/>
                    <a:gd name="connsiteX75" fmla="*/ 212822 w 281447"/>
                    <a:gd name="connsiteY75" fmla="*/ 49911 h 267792"/>
                    <a:gd name="connsiteX76" fmla="*/ 218633 w 281447"/>
                    <a:gd name="connsiteY76" fmla="*/ 33623 h 267792"/>
                    <a:gd name="connsiteX77" fmla="*/ 217204 w 281447"/>
                    <a:gd name="connsiteY77" fmla="*/ 28671 h 267792"/>
                    <a:gd name="connsiteX78" fmla="*/ 207679 w 281447"/>
                    <a:gd name="connsiteY78" fmla="*/ 21527 h 267792"/>
                    <a:gd name="connsiteX79" fmla="*/ 205298 w 281447"/>
                    <a:gd name="connsiteY79" fmla="*/ 20860 h 267792"/>
                    <a:gd name="connsiteX80" fmla="*/ 202631 w 281447"/>
                    <a:gd name="connsiteY80" fmla="*/ 21717 h 267792"/>
                    <a:gd name="connsiteX81" fmla="*/ 188343 w 281447"/>
                    <a:gd name="connsiteY81" fmla="*/ 32576 h 267792"/>
                    <a:gd name="connsiteX82" fmla="*/ 182914 w 281447"/>
                    <a:gd name="connsiteY82" fmla="*/ 34481 h 267792"/>
                    <a:gd name="connsiteX83" fmla="*/ 179389 w 281447"/>
                    <a:gd name="connsiteY83" fmla="*/ 33719 h 267792"/>
                    <a:gd name="connsiteX84" fmla="*/ 175389 w 281447"/>
                    <a:gd name="connsiteY84" fmla="*/ 32100 h 267792"/>
                    <a:gd name="connsiteX85" fmla="*/ 170341 w 281447"/>
                    <a:gd name="connsiteY85" fmla="*/ 27337 h 267792"/>
                    <a:gd name="connsiteX86" fmla="*/ 170341 w 281447"/>
                    <a:gd name="connsiteY86" fmla="*/ 20479 h 267792"/>
                    <a:gd name="connsiteX87" fmla="*/ 178627 w 281447"/>
                    <a:gd name="connsiteY87" fmla="*/ 14669 h 267792"/>
                    <a:gd name="connsiteX88" fmla="*/ 180914 w 281447"/>
                    <a:gd name="connsiteY88" fmla="*/ 14669 h 267792"/>
                    <a:gd name="connsiteX89" fmla="*/ 183581 w 281447"/>
                    <a:gd name="connsiteY89" fmla="*/ 13811 h 267792"/>
                    <a:gd name="connsiteX90" fmla="*/ 199297 w 281447"/>
                    <a:gd name="connsiteY90" fmla="*/ 1810 h 267792"/>
                    <a:gd name="connsiteX91" fmla="*/ 204726 w 281447"/>
                    <a:gd name="connsiteY91" fmla="*/ 0 h 267792"/>
                    <a:gd name="connsiteX92" fmla="*/ 209012 w 281447"/>
                    <a:gd name="connsiteY92" fmla="*/ 1143 h 267792"/>
                    <a:gd name="connsiteX93" fmla="*/ 237111 w 281447"/>
                    <a:gd name="connsiteY93" fmla="*/ 21050 h 267792"/>
                    <a:gd name="connsiteX94" fmla="*/ 239588 w 281447"/>
                    <a:gd name="connsiteY94" fmla="*/ 30575 h 267792"/>
                    <a:gd name="connsiteX95" fmla="*/ 233206 w 281447"/>
                    <a:gd name="connsiteY95" fmla="*/ 48387 h 267792"/>
                    <a:gd name="connsiteX96" fmla="*/ 233873 w 281447"/>
                    <a:gd name="connsiteY96" fmla="*/ 52578 h 267792"/>
                    <a:gd name="connsiteX97" fmla="*/ 238635 w 281447"/>
                    <a:gd name="connsiteY97" fmla="*/ 58960 h 267792"/>
                    <a:gd name="connsiteX98" fmla="*/ 242159 w 281447"/>
                    <a:gd name="connsiteY98" fmla="*/ 60865 h 267792"/>
                    <a:gd name="connsiteX99" fmla="*/ 261781 w 281447"/>
                    <a:gd name="connsiteY99" fmla="*/ 60198 h 267792"/>
                    <a:gd name="connsiteX100" fmla="*/ 270258 w 281447"/>
                    <a:gd name="connsiteY100" fmla="*/ 65342 h 267792"/>
                    <a:gd name="connsiteX101" fmla="*/ 281117 w 281447"/>
                    <a:gd name="connsiteY101" fmla="*/ 97822 h 267792"/>
                    <a:gd name="connsiteX102" fmla="*/ 277306 w 281447"/>
                    <a:gd name="connsiteY102" fmla="*/ 107347 h 267792"/>
                    <a:gd name="connsiteX103" fmla="*/ 261400 w 281447"/>
                    <a:gd name="connsiteY103" fmla="*/ 118205 h 267792"/>
                    <a:gd name="connsiteX104" fmla="*/ 259495 w 281447"/>
                    <a:gd name="connsiteY104" fmla="*/ 121920 h 267792"/>
                    <a:gd name="connsiteX105" fmla="*/ 259495 w 281447"/>
                    <a:gd name="connsiteY105" fmla="*/ 125825 h 267792"/>
                    <a:gd name="connsiteX106" fmla="*/ 259495 w 281447"/>
                    <a:gd name="connsiteY106" fmla="*/ 129635 h 267792"/>
                    <a:gd name="connsiteX107" fmla="*/ 261400 w 281447"/>
                    <a:gd name="connsiteY107" fmla="*/ 133446 h 267792"/>
                    <a:gd name="connsiteX108" fmla="*/ 277402 w 281447"/>
                    <a:gd name="connsiteY108" fmla="*/ 144113 h 267792"/>
                    <a:gd name="connsiteX109" fmla="*/ 281212 w 281447"/>
                    <a:gd name="connsiteY109" fmla="*/ 153638 h 267792"/>
                    <a:gd name="connsiteX110" fmla="*/ 270639 w 281447"/>
                    <a:gd name="connsiteY110" fmla="*/ 186119 h 267792"/>
                    <a:gd name="connsiteX111" fmla="*/ 263305 w 281447"/>
                    <a:gd name="connsiteY111" fmla="*/ 191357 h 267792"/>
                    <a:gd name="connsiteX112" fmla="*/ 262257 w 281447"/>
                    <a:gd name="connsiteY112" fmla="*/ 191357 h 267792"/>
                    <a:gd name="connsiteX113" fmla="*/ 242540 w 281447"/>
                    <a:gd name="connsiteY113" fmla="*/ 190881 h 267792"/>
                    <a:gd name="connsiteX114" fmla="*/ 238921 w 281447"/>
                    <a:gd name="connsiteY114" fmla="*/ 192786 h 267792"/>
                    <a:gd name="connsiteX115" fmla="*/ 234254 w 281447"/>
                    <a:gd name="connsiteY115" fmla="*/ 199168 h 267792"/>
                    <a:gd name="connsiteX116" fmla="*/ 233587 w 281447"/>
                    <a:gd name="connsiteY116" fmla="*/ 203359 h 267792"/>
                    <a:gd name="connsiteX117" fmla="*/ 240064 w 281447"/>
                    <a:gd name="connsiteY117" fmla="*/ 221171 h 267792"/>
                    <a:gd name="connsiteX118" fmla="*/ 237683 w 281447"/>
                    <a:gd name="connsiteY118" fmla="*/ 230696 h 267792"/>
                    <a:gd name="connsiteX119" fmla="*/ 209679 w 281447"/>
                    <a:gd name="connsiteY119" fmla="*/ 250793 h 267792"/>
                    <a:gd name="connsiteX120" fmla="*/ 205393 w 281447"/>
                    <a:gd name="connsiteY120" fmla="*/ 251936 h 267792"/>
                    <a:gd name="connsiteX121" fmla="*/ 199964 w 281447"/>
                    <a:gd name="connsiteY121" fmla="*/ 250127 h 267792"/>
                    <a:gd name="connsiteX122" fmla="*/ 184438 w 281447"/>
                    <a:gd name="connsiteY122" fmla="*/ 238411 h 267792"/>
                    <a:gd name="connsiteX123" fmla="*/ 181866 w 281447"/>
                    <a:gd name="connsiteY123" fmla="*/ 237554 h 267792"/>
                    <a:gd name="connsiteX124" fmla="*/ 180342 w 281447"/>
                    <a:gd name="connsiteY124" fmla="*/ 237554 h 267792"/>
                    <a:gd name="connsiteX125" fmla="*/ 172436 w 281447"/>
                    <a:gd name="connsiteY125" fmla="*/ 240125 h 267792"/>
                    <a:gd name="connsiteX126" fmla="*/ 169388 w 281447"/>
                    <a:gd name="connsiteY126" fmla="*/ 243078 h 267792"/>
                    <a:gd name="connsiteX127" fmla="*/ 163959 w 281447"/>
                    <a:gd name="connsiteY127" fmla="*/ 261271 h 267792"/>
                    <a:gd name="connsiteX128" fmla="*/ 156434 w 281447"/>
                    <a:gd name="connsiteY128" fmla="*/ 267653 h 267792"/>
                    <a:gd name="connsiteX129" fmla="*/ 138527 w 281447"/>
                    <a:gd name="connsiteY129" fmla="*/ 267462 h 2677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Lst>
                  <a:rect l="l" t="t" r="r" b="b"/>
                  <a:pathLst>
                    <a:path w="281447" h="267792">
                      <a:moveTo>
                        <a:pt x="138527" y="267462"/>
                      </a:moveTo>
                      <a:cubicBezTo>
                        <a:pt x="132860" y="267472"/>
                        <a:pt x="127202" y="267157"/>
                        <a:pt x="121573" y="266510"/>
                      </a:cubicBezTo>
                      <a:cubicBezTo>
                        <a:pt x="118077" y="265948"/>
                        <a:pt x="115172" y="263490"/>
                        <a:pt x="114048" y="260128"/>
                      </a:cubicBezTo>
                      <a:lnTo>
                        <a:pt x="108523" y="242030"/>
                      </a:lnTo>
                      <a:cubicBezTo>
                        <a:pt x="108104" y="240573"/>
                        <a:pt x="106942" y="239459"/>
                        <a:pt x="105476" y="239078"/>
                      </a:cubicBezTo>
                      <a:lnTo>
                        <a:pt x="97570" y="236506"/>
                      </a:lnTo>
                      <a:cubicBezTo>
                        <a:pt x="97093" y="236411"/>
                        <a:pt x="96617" y="236411"/>
                        <a:pt x="96141" y="236506"/>
                      </a:cubicBezTo>
                      <a:cubicBezTo>
                        <a:pt x="95179" y="236496"/>
                        <a:pt x="94246" y="236801"/>
                        <a:pt x="93474" y="237363"/>
                      </a:cubicBezTo>
                      <a:lnTo>
                        <a:pt x="77948" y="249079"/>
                      </a:lnTo>
                      <a:cubicBezTo>
                        <a:pt x="76405" y="250289"/>
                        <a:pt x="74481" y="250936"/>
                        <a:pt x="72519" y="250889"/>
                      </a:cubicBezTo>
                      <a:cubicBezTo>
                        <a:pt x="71024" y="250879"/>
                        <a:pt x="69557" y="250517"/>
                        <a:pt x="68233" y="249841"/>
                      </a:cubicBezTo>
                      <a:cubicBezTo>
                        <a:pt x="58108" y="244317"/>
                        <a:pt x="48668" y="237601"/>
                        <a:pt x="40134" y="229838"/>
                      </a:cubicBezTo>
                      <a:cubicBezTo>
                        <a:pt x="37496" y="227438"/>
                        <a:pt x="36553" y="223676"/>
                        <a:pt x="37753" y="220313"/>
                      </a:cubicBezTo>
                      <a:lnTo>
                        <a:pt x="44135" y="202502"/>
                      </a:lnTo>
                      <a:cubicBezTo>
                        <a:pt x="44582" y="201044"/>
                        <a:pt x="44335" y="199463"/>
                        <a:pt x="43468" y="198215"/>
                      </a:cubicBezTo>
                      <a:cubicBezTo>
                        <a:pt x="41848" y="196215"/>
                        <a:pt x="40229" y="194120"/>
                        <a:pt x="38705" y="191929"/>
                      </a:cubicBezTo>
                      <a:cubicBezTo>
                        <a:pt x="37886" y="190738"/>
                        <a:pt x="36534" y="190024"/>
                        <a:pt x="35086" y="190024"/>
                      </a:cubicBezTo>
                      <a:lnTo>
                        <a:pt x="15369" y="190596"/>
                      </a:lnTo>
                      <a:lnTo>
                        <a:pt x="15369" y="190596"/>
                      </a:lnTo>
                      <a:cubicBezTo>
                        <a:pt x="11940" y="190462"/>
                        <a:pt x="8844" y="188500"/>
                        <a:pt x="7273" y="185452"/>
                      </a:cubicBezTo>
                      <a:cubicBezTo>
                        <a:pt x="4606" y="179756"/>
                        <a:pt x="2282" y="173908"/>
                        <a:pt x="319" y="167926"/>
                      </a:cubicBezTo>
                      <a:cubicBezTo>
                        <a:pt x="-928" y="163221"/>
                        <a:pt x="1577" y="158325"/>
                        <a:pt x="6130" y="156591"/>
                      </a:cubicBezTo>
                      <a:cubicBezTo>
                        <a:pt x="7044" y="156496"/>
                        <a:pt x="7978" y="156496"/>
                        <a:pt x="8892" y="156591"/>
                      </a:cubicBezTo>
                      <a:cubicBezTo>
                        <a:pt x="12740" y="156734"/>
                        <a:pt x="16122" y="159172"/>
                        <a:pt x="17464" y="162782"/>
                      </a:cubicBezTo>
                      <a:cubicBezTo>
                        <a:pt x="18226" y="165164"/>
                        <a:pt x="19084" y="167545"/>
                        <a:pt x="19941" y="170021"/>
                      </a:cubicBezTo>
                      <a:cubicBezTo>
                        <a:pt x="20627" y="171679"/>
                        <a:pt x="22237" y="172765"/>
                        <a:pt x="24037" y="172784"/>
                      </a:cubicBezTo>
                      <a:lnTo>
                        <a:pt x="42230" y="172212"/>
                      </a:lnTo>
                      <a:cubicBezTo>
                        <a:pt x="45468" y="172222"/>
                        <a:pt x="48478" y="173870"/>
                        <a:pt x="50231" y="176594"/>
                      </a:cubicBezTo>
                      <a:cubicBezTo>
                        <a:pt x="53621" y="182299"/>
                        <a:pt x="57612" y="187633"/>
                        <a:pt x="62137" y="192500"/>
                      </a:cubicBezTo>
                      <a:cubicBezTo>
                        <a:pt x="64432" y="195110"/>
                        <a:pt x="65128" y="198758"/>
                        <a:pt x="63947" y="202025"/>
                      </a:cubicBezTo>
                      <a:lnTo>
                        <a:pt x="58041" y="218408"/>
                      </a:lnTo>
                      <a:cubicBezTo>
                        <a:pt x="57450" y="220199"/>
                        <a:pt x="58022" y="222161"/>
                        <a:pt x="59470" y="223361"/>
                      </a:cubicBezTo>
                      <a:cubicBezTo>
                        <a:pt x="62708" y="225838"/>
                        <a:pt x="66137" y="228219"/>
                        <a:pt x="69566" y="230410"/>
                      </a:cubicBezTo>
                      <a:cubicBezTo>
                        <a:pt x="70243" y="230858"/>
                        <a:pt x="71043" y="231096"/>
                        <a:pt x="71852" y="231077"/>
                      </a:cubicBezTo>
                      <a:cubicBezTo>
                        <a:pt x="72814" y="231086"/>
                        <a:pt x="73748" y="230781"/>
                        <a:pt x="74519" y="230219"/>
                      </a:cubicBezTo>
                      <a:lnTo>
                        <a:pt x="88807" y="219361"/>
                      </a:lnTo>
                      <a:cubicBezTo>
                        <a:pt x="90388" y="218218"/>
                        <a:pt x="92283" y="217580"/>
                        <a:pt x="94236" y="217551"/>
                      </a:cubicBezTo>
                      <a:cubicBezTo>
                        <a:pt x="95446" y="217532"/>
                        <a:pt x="96646" y="217761"/>
                        <a:pt x="97760" y="218218"/>
                      </a:cubicBezTo>
                      <a:cubicBezTo>
                        <a:pt x="103875" y="220914"/>
                        <a:pt x="110267" y="222952"/>
                        <a:pt x="116810" y="224314"/>
                      </a:cubicBezTo>
                      <a:cubicBezTo>
                        <a:pt x="119992" y="225009"/>
                        <a:pt x="122544" y="227381"/>
                        <a:pt x="123478" y="230505"/>
                      </a:cubicBezTo>
                      <a:lnTo>
                        <a:pt x="128621" y="247269"/>
                      </a:lnTo>
                      <a:cubicBezTo>
                        <a:pt x="129107" y="249050"/>
                        <a:pt x="130688" y="250317"/>
                        <a:pt x="132527" y="250413"/>
                      </a:cubicBezTo>
                      <a:lnTo>
                        <a:pt x="138908" y="250413"/>
                      </a:lnTo>
                      <a:lnTo>
                        <a:pt x="145195" y="250413"/>
                      </a:lnTo>
                      <a:cubicBezTo>
                        <a:pt x="147052" y="250298"/>
                        <a:pt x="148643" y="249050"/>
                        <a:pt x="149195" y="247269"/>
                      </a:cubicBezTo>
                      <a:lnTo>
                        <a:pt x="154148" y="230410"/>
                      </a:lnTo>
                      <a:cubicBezTo>
                        <a:pt x="155196" y="227324"/>
                        <a:pt x="157749" y="224990"/>
                        <a:pt x="160911" y="224219"/>
                      </a:cubicBezTo>
                      <a:cubicBezTo>
                        <a:pt x="167455" y="222800"/>
                        <a:pt x="173836" y="220723"/>
                        <a:pt x="179961" y="218027"/>
                      </a:cubicBezTo>
                      <a:cubicBezTo>
                        <a:pt x="181075" y="217561"/>
                        <a:pt x="182276" y="217332"/>
                        <a:pt x="183485" y="217361"/>
                      </a:cubicBezTo>
                      <a:cubicBezTo>
                        <a:pt x="185428" y="217361"/>
                        <a:pt x="187324" y="217961"/>
                        <a:pt x="188914" y="219075"/>
                      </a:cubicBezTo>
                      <a:lnTo>
                        <a:pt x="203202" y="229838"/>
                      </a:lnTo>
                      <a:cubicBezTo>
                        <a:pt x="203964" y="230429"/>
                        <a:pt x="204898" y="230762"/>
                        <a:pt x="205869" y="230791"/>
                      </a:cubicBezTo>
                      <a:cubicBezTo>
                        <a:pt x="206717" y="230772"/>
                        <a:pt x="207545" y="230505"/>
                        <a:pt x="208250" y="230029"/>
                      </a:cubicBezTo>
                      <a:cubicBezTo>
                        <a:pt x="211708" y="227819"/>
                        <a:pt x="215042" y="225438"/>
                        <a:pt x="218252" y="222885"/>
                      </a:cubicBezTo>
                      <a:cubicBezTo>
                        <a:pt x="219699" y="221685"/>
                        <a:pt x="220271" y="219723"/>
                        <a:pt x="219680" y="217932"/>
                      </a:cubicBezTo>
                      <a:lnTo>
                        <a:pt x="213680" y="201644"/>
                      </a:lnTo>
                      <a:cubicBezTo>
                        <a:pt x="212365" y="198387"/>
                        <a:pt x="213070" y="194663"/>
                        <a:pt x="215489" y="192119"/>
                      </a:cubicBezTo>
                      <a:cubicBezTo>
                        <a:pt x="219937" y="187186"/>
                        <a:pt x="223890" y="181823"/>
                        <a:pt x="227300" y="176117"/>
                      </a:cubicBezTo>
                      <a:cubicBezTo>
                        <a:pt x="229034" y="173422"/>
                        <a:pt x="232006" y="171774"/>
                        <a:pt x="235206" y="171736"/>
                      </a:cubicBezTo>
                      <a:lnTo>
                        <a:pt x="253399" y="171736"/>
                      </a:lnTo>
                      <a:cubicBezTo>
                        <a:pt x="255199" y="171746"/>
                        <a:pt x="256828" y="170650"/>
                        <a:pt x="257494" y="168974"/>
                      </a:cubicBezTo>
                      <a:cubicBezTo>
                        <a:pt x="258828" y="165259"/>
                        <a:pt x="260066" y="161544"/>
                        <a:pt x="261114" y="157734"/>
                      </a:cubicBezTo>
                      <a:cubicBezTo>
                        <a:pt x="261657" y="155915"/>
                        <a:pt x="260962" y="153953"/>
                        <a:pt x="259400" y="152876"/>
                      </a:cubicBezTo>
                      <a:lnTo>
                        <a:pt x="244636" y="143351"/>
                      </a:lnTo>
                      <a:cubicBezTo>
                        <a:pt x="242007" y="141437"/>
                        <a:pt x="240531" y="138313"/>
                        <a:pt x="240731" y="135065"/>
                      </a:cubicBezTo>
                      <a:cubicBezTo>
                        <a:pt x="240911" y="131731"/>
                        <a:pt x="240911" y="128397"/>
                        <a:pt x="240731" y="125063"/>
                      </a:cubicBezTo>
                      <a:cubicBezTo>
                        <a:pt x="240711" y="121882"/>
                        <a:pt x="240521" y="118701"/>
                        <a:pt x="240159" y="115538"/>
                      </a:cubicBezTo>
                      <a:cubicBezTo>
                        <a:pt x="239959" y="112290"/>
                        <a:pt x="241435" y="109166"/>
                        <a:pt x="244064" y="107252"/>
                      </a:cubicBezTo>
                      <a:lnTo>
                        <a:pt x="258733" y="97727"/>
                      </a:lnTo>
                      <a:cubicBezTo>
                        <a:pt x="260295" y="96650"/>
                        <a:pt x="260990" y="94688"/>
                        <a:pt x="260447" y="92869"/>
                      </a:cubicBezTo>
                      <a:cubicBezTo>
                        <a:pt x="259400" y="89154"/>
                        <a:pt x="258161" y="85344"/>
                        <a:pt x="256733" y="81629"/>
                      </a:cubicBezTo>
                      <a:cubicBezTo>
                        <a:pt x="256066" y="79953"/>
                        <a:pt x="254437" y="78858"/>
                        <a:pt x="252637" y="78867"/>
                      </a:cubicBezTo>
                      <a:lnTo>
                        <a:pt x="234444" y="79343"/>
                      </a:lnTo>
                      <a:cubicBezTo>
                        <a:pt x="231196" y="79572"/>
                        <a:pt x="228119" y="77896"/>
                        <a:pt x="226538" y="75057"/>
                      </a:cubicBezTo>
                      <a:cubicBezTo>
                        <a:pt x="223090" y="69304"/>
                        <a:pt x="219071" y="63903"/>
                        <a:pt x="214537" y="58960"/>
                      </a:cubicBezTo>
                      <a:cubicBezTo>
                        <a:pt x="212336" y="56493"/>
                        <a:pt x="211679" y="53016"/>
                        <a:pt x="212822" y="49911"/>
                      </a:cubicBezTo>
                      <a:lnTo>
                        <a:pt x="218633" y="33623"/>
                      </a:lnTo>
                      <a:cubicBezTo>
                        <a:pt x="219309" y="31842"/>
                        <a:pt x="218728" y="29823"/>
                        <a:pt x="217204" y="28671"/>
                      </a:cubicBezTo>
                      <a:cubicBezTo>
                        <a:pt x="214089" y="26194"/>
                        <a:pt x="210917" y="23813"/>
                        <a:pt x="207679" y="21527"/>
                      </a:cubicBezTo>
                      <a:cubicBezTo>
                        <a:pt x="206964" y="21079"/>
                        <a:pt x="206136" y="20841"/>
                        <a:pt x="205298" y="20860"/>
                      </a:cubicBezTo>
                      <a:cubicBezTo>
                        <a:pt x="204335" y="20850"/>
                        <a:pt x="203402" y="21155"/>
                        <a:pt x="202631" y="21717"/>
                      </a:cubicBezTo>
                      <a:lnTo>
                        <a:pt x="188343" y="32576"/>
                      </a:lnTo>
                      <a:cubicBezTo>
                        <a:pt x="186800" y="33804"/>
                        <a:pt x="184886" y="34471"/>
                        <a:pt x="182914" y="34481"/>
                      </a:cubicBezTo>
                      <a:cubicBezTo>
                        <a:pt x="181704" y="34452"/>
                        <a:pt x="180504" y="34195"/>
                        <a:pt x="179389" y="33719"/>
                      </a:cubicBezTo>
                      <a:lnTo>
                        <a:pt x="175389" y="32100"/>
                      </a:lnTo>
                      <a:cubicBezTo>
                        <a:pt x="173132" y="31261"/>
                        <a:pt x="171303" y="29547"/>
                        <a:pt x="170341" y="27337"/>
                      </a:cubicBezTo>
                      <a:cubicBezTo>
                        <a:pt x="169388" y="25146"/>
                        <a:pt x="169388" y="22670"/>
                        <a:pt x="170341" y="20479"/>
                      </a:cubicBezTo>
                      <a:cubicBezTo>
                        <a:pt x="171617" y="17002"/>
                        <a:pt x="174922" y="14678"/>
                        <a:pt x="178627" y="14669"/>
                      </a:cubicBezTo>
                      <a:lnTo>
                        <a:pt x="180914" y="14669"/>
                      </a:lnTo>
                      <a:cubicBezTo>
                        <a:pt x="181876" y="14678"/>
                        <a:pt x="182809" y="14373"/>
                        <a:pt x="183581" y="13811"/>
                      </a:cubicBezTo>
                      <a:lnTo>
                        <a:pt x="199297" y="1810"/>
                      </a:lnTo>
                      <a:cubicBezTo>
                        <a:pt x="200878" y="667"/>
                        <a:pt x="202773" y="29"/>
                        <a:pt x="204726" y="0"/>
                      </a:cubicBezTo>
                      <a:cubicBezTo>
                        <a:pt x="206231" y="-9"/>
                        <a:pt x="207707" y="391"/>
                        <a:pt x="209012" y="1143"/>
                      </a:cubicBezTo>
                      <a:cubicBezTo>
                        <a:pt x="219147" y="6620"/>
                        <a:pt x="228586" y="13307"/>
                        <a:pt x="237111" y="21050"/>
                      </a:cubicBezTo>
                      <a:cubicBezTo>
                        <a:pt x="239769" y="23451"/>
                        <a:pt x="240740" y="27194"/>
                        <a:pt x="239588" y="30575"/>
                      </a:cubicBezTo>
                      <a:lnTo>
                        <a:pt x="233206" y="48387"/>
                      </a:lnTo>
                      <a:cubicBezTo>
                        <a:pt x="232653" y="49806"/>
                        <a:pt x="232910" y="51407"/>
                        <a:pt x="233873" y="52578"/>
                      </a:cubicBezTo>
                      <a:lnTo>
                        <a:pt x="238635" y="58960"/>
                      </a:lnTo>
                      <a:cubicBezTo>
                        <a:pt x="239426" y="60141"/>
                        <a:pt x="240740" y="60855"/>
                        <a:pt x="242159" y="60865"/>
                      </a:cubicBezTo>
                      <a:lnTo>
                        <a:pt x="261781" y="60198"/>
                      </a:lnTo>
                      <a:cubicBezTo>
                        <a:pt x="265343" y="60189"/>
                        <a:pt x="268620" y="62179"/>
                        <a:pt x="270258" y="65342"/>
                      </a:cubicBezTo>
                      <a:cubicBezTo>
                        <a:pt x="275192" y="75686"/>
                        <a:pt x="278840" y="86592"/>
                        <a:pt x="281117" y="97822"/>
                      </a:cubicBezTo>
                      <a:cubicBezTo>
                        <a:pt x="282002" y="101480"/>
                        <a:pt x="280469" y="105309"/>
                        <a:pt x="277306" y="107347"/>
                      </a:cubicBezTo>
                      <a:lnTo>
                        <a:pt x="261400" y="118205"/>
                      </a:lnTo>
                      <a:cubicBezTo>
                        <a:pt x="260133" y="119006"/>
                        <a:pt x="259400" y="120425"/>
                        <a:pt x="259495" y="121920"/>
                      </a:cubicBezTo>
                      <a:cubicBezTo>
                        <a:pt x="259495" y="123349"/>
                        <a:pt x="259495" y="124587"/>
                        <a:pt x="259495" y="125825"/>
                      </a:cubicBezTo>
                      <a:cubicBezTo>
                        <a:pt x="259495" y="127064"/>
                        <a:pt x="259495" y="128397"/>
                        <a:pt x="259495" y="129635"/>
                      </a:cubicBezTo>
                      <a:cubicBezTo>
                        <a:pt x="259466" y="131140"/>
                        <a:pt x="260181" y="132569"/>
                        <a:pt x="261400" y="133446"/>
                      </a:cubicBezTo>
                      <a:lnTo>
                        <a:pt x="277402" y="144113"/>
                      </a:lnTo>
                      <a:cubicBezTo>
                        <a:pt x="280545" y="146171"/>
                        <a:pt x="282069" y="149981"/>
                        <a:pt x="281212" y="153638"/>
                      </a:cubicBezTo>
                      <a:cubicBezTo>
                        <a:pt x="279021" y="164859"/>
                        <a:pt x="275468" y="175765"/>
                        <a:pt x="270639" y="186119"/>
                      </a:cubicBezTo>
                      <a:cubicBezTo>
                        <a:pt x="269439" y="189157"/>
                        <a:pt x="266572" y="191205"/>
                        <a:pt x="263305" y="191357"/>
                      </a:cubicBezTo>
                      <a:lnTo>
                        <a:pt x="262257" y="191357"/>
                      </a:lnTo>
                      <a:lnTo>
                        <a:pt x="242540" y="190881"/>
                      </a:lnTo>
                      <a:cubicBezTo>
                        <a:pt x="241102" y="190910"/>
                        <a:pt x="239759" y="191615"/>
                        <a:pt x="238921" y="192786"/>
                      </a:cubicBezTo>
                      <a:cubicBezTo>
                        <a:pt x="237482" y="194996"/>
                        <a:pt x="235920" y="197130"/>
                        <a:pt x="234254" y="199168"/>
                      </a:cubicBezTo>
                      <a:cubicBezTo>
                        <a:pt x="233339" y="200368"/>
                        <a:pt x="233091" y="201940"/>
                        <a:pt x="233587" y="203359"/>
                      </a:cubicBezTo>
                      <a:lnTo>
                        <a:pt x="240064" y="221171"/>
                      </a:lnTo>
                      <a:cubicBezTo>
                        <a:pt x="241264" y="224533"/>
                        <a:pt x="240321" y="228295"/>
                        <a:pt x="237683" y="230696"/>
                      </a:cubicBezTo>
                      <a:cubicBezTo>
                        <a:pt x="229148" y="238449"/>
                        <a:pt x="219757" y="245193"/>
                        <a:pt x="209679" y="250793"/>
                      </a:cubicBezTo>
                      <a:cubicBezTo>
                        <a:pt x="208374" y="251546"/>
                        <a:pt x="206898" y="251946"/>
                        <a:pt x="205393" y="251936"/>
                      </a:cubicBezTo>
                      <a:cubicBezTo>
                        <a:pt x="203440" y="251908"/>
                        <a:pt x="201545" y="251270"/>
                        <a:pt x="199964" y="250127"/>
                      </a:cubicBezTo>
                      <a:lnTo>
                        <a:pt x="184438" y="238411"/>
                      </a:lnTo>
                      <a:cubicBezTo>
                        <a:pt x="183695" y="237858"/>
                        <a:pt x="182790" y="237563"/>
                        <a:pt x="181866" y="237554"/>
                      </a:cubicBezTo>
                      <a:cubicBezTo>
                        <a:pt x="181361" y="237449"/>
                        <a:pt x="180847" y="237449"/>
                        <a:pt x="180342" y="237554"/>
                      </a:cubicBezTo>
                      <a:lnTo>
                        <a:pt x="172436" y="240125"/>
                      </a:lnTo>
                      <a:cubicBezTo>
                        <a:pt x="170969" y="240506"/>
                        <a:pt x="169807" y="241621"/>
                        <a:pt x="169388" y="243078"/>
                      </a:cubicBezTo>
                      <a:lnTo>
                        <a:pt x="163959" y="261271"/>
                      </a:lnTo>
                      <a:cubicBezTo>
                        <a:pt x="162978" y="264728"/>
                        <a:pt x="160006" y="267253"/>
                        <a:pt x="156434" y="267653"/>
                      </a:cubicBezTo>
                      <a:cubicBezTo>
                        <a:pt x="150462" y="267891"/>
                        <a:pt x="144490" y="267824"/>
                        <a:pt x="138527" y="267462"/>
                      </a:cubicBezTo>
                      <a:close/>
                    </a:path>
                  </a:pathLst>
                </a:custGeom>
                <a:solidFill>
                  <a:srgbClr val="265998"/>
                </a:solidFill>
                <a:ln w="9525" cap="flat">
                  <a:noFill/>
                  <a:prstDash val="solid"/>
                  <a:miter/>
                </a:ln>
              </p:spPr>
              <p:txBody>
                <a:bodyPr rtlCol="0" anchor="ctr"/>
                <a:lstStyle/>
                <a:p>
                  <a:endParaRPr lang="en-AU"/>
                </a:p>
              </p:txBody>
            </p:sp>
            <p:sp>
              <p:nvSpPr>
                <p:cNvPr id="71" name="Graphic 2">
                  <a:extLst>
                    <a:ext uri="{FF2B5EF4-FFF2-40B4-BE49-F238E27FC236}">
                      <a16:creationId xmlns:a16="http://schemas.microsoft.com/office/drawing/2014/main" id="{05285C0A-C0A2-4D36-A58C-FACD42436727}"/>
                    </a:ext>
                  </a:extLst>
                </p:cNvPr>
                <p:cNvSpPr/>
                <p:nvPr/>
              </p:nvSpPr>
              <p:spPr>
                <a:xfrm>
                  <a:off x="2011434" y="2404260"/>
                  <a:ext cx="123259" cy="123039"/>
                </a:xfrm>
                <a:custGeom>
                  <a:avLst/>
                  <a:gdLst>
                    <a:gd name="connsiteX0" fmla="*/ 60730 w 123259"/>
                    <a:gd name="connsiteY0" fmla="*/ 123039 h 123039"/>
                    <a:gd name="connsiteX1" fmla="*/ 246 w 123259"/>
                    <a:gd name="connsiteY1" fmla="*/ 76271 h 123039"/>
                    <a:gd name="connsiteX2" fmla="*/ 1198 w 123259"/>
                    <a:gd name="connsiteY2" fmla="*/ 69509 h 123039"/>
                    <a:gd name="connsiteX3" fmla="*/ 6723 w 123259"/>
                    <a:gd name="connsiteY3" fmla="*/ 65318 h 123039"/>
                    <a:gd name="connsiteX4" fmla="*/ 9009 w 123259"/>
                    <a:gd name="connsiteY4" fmla="*/ 65318 h 123039"/>
                    <a:gd name="connsiteX5" fmla="*/ 17676 w 123259"/>
                    <a:gd name="connsiteY5" fmla="*/ 72080 h 123039"/>
                    <a:gd name="connsiteX6" fmla="*/ 71969 w 123259"/>
                    <a:gd name="connsiteY6" fmla="*/ 103856 h 123039"/>
                    <a:gd name="connsiteX7" fmla="*/ 103744 w 123259"/>
                    <a:gd name="connsiteY7" fmla="*/ 49563 h 123039"/>
                    <a:gd name="connsiteX8" fmla="*/ 71969 w 123259"/>
                    <a:gd name="connsiteY8" fmla="*/ 17788 h 123039"/>
                    <a:gd name="connsiteX9" fmla="*/ 64997 w 123259"/>
                    <a:gd name="connsiteY9" fmla="*/ 7225 h 123039"/>
                    <a:gd name="connsiteX10" fmla="*/ 74160 w 123259"/>
                    <a:gd name="connsiteY10" fmla="*/ 71 h 123039"/>
                    <a:gd name="connsiteX11" fmla="*/ 76446 w 123259"/>
                    <a:gd name="connsiteY11" fmla="*/ 71 h 123039"/>
                    <a:gd name="connsiteX12" fmla="*/ 121242 w 123259"/>
                    <a:gd name="connsiteY12" fmla="*/ 76243 h 123039"/>
                    <a:gd name="connsiteX13" fmla="*/ 60730 w 123259"/>
                    <a:gd name="connsiteY13" fmla="*/ 123039 h 123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23259" h="123039">
                      <a:moveTo>
                        <a:pt x="60730" y="123039"/>
                      </a:moveTo>
                      <a:cubicBezTo>
                        <a:pt x="32269" y="123039"/>
                        <a:pt x="7408" y="103818"/>
                        <a:pt x="246" y="76271"/>
                      </a:cubicBezTo>
                      <a:cubicBezTo>
                        <a:pt x="-288" y="73976"/>
                        <a:pt x="55" y="71566"/>
                        <a:pt x="1198" y="69509"/>
                      </a:cubicBezTo>
                      <a:cubicBezTo>
                        <a:pt x="2446" y="67470"/>
                        <a:pt x="4418" y="65975"/>
                        <a:pt x="6723" y="65318"/>
                      </a:cubicBezTo>
                      <a:cubicBezTo>
                        <a:pt x="7485" y="65222"/>
                        <a:pt x="8247" y="65222"/>
                        <a:pt x="9009" y="65318"/>
                      </a:cubicBezTo>
                      <a:cubicBezTo>
                        <a:pt x="13105" y="65327"/>
                        <a:pt x="16676" y="68109"/>
                        <a:pt x="17676" y="72080"/>
                      </a:cubicBezTo>
                      <a:cubicBezTo>
                        <a:pt x="23896" y="95845"/>
                        <a:pt x="48204" y="110076"/>
                        <a:pt x="71969" y="103856"/>
                      </a:cubicBezTo>
                      <a:cubicBezTo>
                        <a:pt x="95734" y="97636"/>
                        <a:pt x="109964" y="73328"/>
                        <a:pt x="103744" y="49563"/>
                      </a:cubicBezTo>
                      <a:cubicBezTo>
                        <a:pt x="99677" y="34009"/>
                        <a:pt x="87523" y="21855"/>
                        <a:pt x="71969" y="17788"/>
                      </a:cubicBezTo>
                      <a:cubicBezTo>
                        <a:pt x="67121" y="16797"/>
                        <a:pt x="63997" y="12063"/>
                        <a:pt x="64997" y="7225"/>
                      </a:cubicBezTo>
                      <a:cubicBezTo>
                        <a:pt x="65873" y="2910"/>
                        <a:pt x="69759" y="-119"/>
                        <a:pt x="74160" y="71"/>
                      </a:cubicBezTo>
                      <a:cubicBezTo>
                        <a:pt x="74922" y="-24"/>
                        <a:pt x="75684" y="-24"/>
                        <a:pt x="76446" y="71"/>
                      </a:cubicBezTo>
                      <a:cubicBezTo>
                        <a:pt x="109850" y="8730"/>
                        <a:pt x="129910" y="42839"/>
                        <a:pt x="121242" y="76243"/>
                      </a:cubicBezTo>
                      <a:cubicBezTo>
                        <a:pt x="114098" y="103808"/>
                        <a:pt x="89209" y="123058"/>
                        <a:pt x="60730" y="123039"/>
                      </a:cubicBezTo>
                      <a:close/>
                    </a:path>
                  </a:pathLst>
                </a:custGeom>
                <a:solidFill>
                  <a:srgbClr val="265998"/>
                </a:solidFill>
                <a:ln w="9525" cap="flat">
                  <a:noFill/>
                  <a:prstDash val="solid"/>
                  <a:miter/>
                </a:ln>
              </p:spPr>
              <p:txBody>
                <a:bodyPr rtlCol="0" anchor="ctr"/>
                <a:lstStyle/>
                <a:p>
                  <a:endParaRPr lang="en-AU"/>
                </a:p>
              </p:txBody>
            </p:sp>
          </p:grpSp>
        </p:grpSp>
        <p:sp>
          <p:nvSpPr>
            <p:cNvPr id="134" name="Rectangle 133">
              <a:extLst>
                <a:ext uri="{FF2B5EF4-FFF2-40B4-BE49-F238E27FC236}">
                  <a16:creationId xmlns:a16="http://schemas.microsoft.com/office/drawing/2014/main" id="{78318828-6A33-4AB0-8693-B12BAF7547F9}"/>
                </a:ext>
              </a:extLst>
            </p:cNvPr>
            <p:cNvSpPr/>
            <p:nvPr/>
          </p:nvSpPr>
          <p:spPr>
            <a:xfrm>
              <a:off x="1721387" y="2273544"/>
              <a:ext cx="655405" cy="534407"/>
            </a:xfrm>
            <a:prstGeom prst="rect">
              <a:avLst/>
            </a:prstGeom>
            <a:solidFill>
              <a:schemeClr val="tx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nvGrpSpPr>
            <p:cNvPr id="55" name="Group 54">
              <a:extLst>
                <a:ext uri="{FF2B5EF4-FFF2-40B4-BE49-F238E27FC236}">
                  <a16:creationId xmlns:a16="http://schemas.microsoft.com/office/drawing/2014/main" id="{97AFBCF3-6F36-4C6B-A036-9905D49FFCED}"/>
                </a:ext>
              </a:extLst>
            </p:cNvPr>
            <p:cNvGrpSpPr/>
            <p:nvPr/>
          </p:nvGrpSpPr>
          <p:grpSpPr>
            <a:xfrm>
              <a:off x="1856923" y="2331197"/>
              <a:ext cx="418631" cy="419100"/>
              <a:chOff x="2490501" y="2188400"/>
              <a:chExt cx="418631" cy="419100"/>
            </a:xfrm>
          </p:grpSpPr>
          <p:sp>
            <p:nvSpPr>
              <p:cNvPr id="56" name="Graphic 2">
                <a:extLst>
                  <a:ext uri="{FF2B5EF4-FFF2-40B4-BE49-F238E27FC236}">
                    <a16:creationId xmlns:a16="http://schemas.microsoft.com/office/drawing/2014/main" id="{53936F88-8ED9-48DC-84BD-5AC0C78D6FCA}"/>
                  </a:ext>
                </a:extLst>
              </p:cNvPr>
              <p:cNvSpPr/>
              <p:nvPr/>
            </p:nvSpPr>
            <p:spPr>
              <a:xfrm>
                <a:off x="2495550" y="2199163"/>
                <a:ext cx="318992" cy="397954"/>
              </a:xfrm>
              <a:custGeom>
                <a:avLst/>
                <a:gdLst>
                  <a:gd name="connsiteX0" fmla="*/ 229743 w 318992"/>
                  <a:gd name="connsiteY0" fmla="*/ 69913 h 397954"/>
                  <a:gd name="connsiteX1" fmla="*/ 229743 w 318992"/>
                  <a:gd name="connsiteY1" fmla="*/ 19050 h 397954"/>
                  <a:gd name="connsiteX2" fmla="*/ 210693 w 318992"/>
                  <a:gd name="connsiteY2" fmla="*/ 0 h 397954"/>
                  <a:gd name="connsiteX3" fmla="*/ 19050 w 318992"/>
                  <a:gd name="connsiteY3" fmla="*/ 0 h 397954"/>
                  <a:gd name="connsiteX4" fmla="*/ 0 w 318992"/>
                  <a:gd name="connsiteY4" fmla="*/ 19050 h 397954"/>
                  <a:gd name="connsiteX5" fmla="*/ 0 w 318992"/>
                  <a:gd name="connsiteY5" fmla="*/ 378905 h 397954"/>
                  <a:gd name="connsiteX6" fmla="*/ 19050 w 318992"/>
                  <a:gd name="connsiteY6" fmla="*/ 397955 h 397954"/>
                  <a:gd name="connsiteX7" fmla="*/ 299942 w 318992"/>
                  <a:gd name="connsiteY7" fmla="*/ 397955 h 397954"/>
                  <a:gd name="connsiteX8" fmla="*/ 318992 w 318992"/>
                  <a:gd name="connsiteY8" fmla="*/ 378905 h 397954"/>
                  <a:gd name="connsiteX9" fmla="*/ 318992 w 318992"/>
                  <a:gd name="connsiteY9" fmla="*/ 107918 h 397954"/>
                  <a:gd name="connsiteX10" fmla="*/ 299942 w 318992"/>
                  <a:gd name="connsiteY10" fmla="*/ 88868 h 397954"/>
                  <a:gd name="connsiteX11" fmla="*/ 248698 w 318992"/>
                  <a:gd name="connsiteY11" fmla="*/ 88868 h 397954"/>
                  <a:gd name="connsiteX12" fmla="*/ 229743 w 318992"/>
                  <a:gd name="connsiteY12" fmla="*/ 69913 h 397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18992" h="397954">
                    <a:moveTo>
                      <a:pt x="229743" y="69913"/>
                    </a:moveTo>
                    <a:lnTo>
                      <a:pt x="229743" y="19050"/>
                    </a:lnTo>
                    <a:cubicBezTo>
                      <a:pt x="229743" y="8525"/>
                      <a:pt x="221218" y="0"/>
                      <a:pt x="210693" y="0"/>
                    </a:cubicBezTo>
                    <a:lnTo>
                      <a:pt x="19050" y="0"/>
                    </a:lnTo>
                    <a:cubicBezTo>
                      <a:pt x="8525" y="0"/>
                      <a:pt x="0" y="8525"/>
                      <a:pt x="0" y="19050"/>
                    </a:cubicBezTo>
                    <a:lnTo>
                      <a:pt x="0" y="378905"/>
                    </a:lnTo>
                    <a:cubicBezTo>
                      <a:pt x="0" y="389430"/>
                      <a:pt x="8525" y="397955"/>
                      <a:pt x="19050" y="397955"/>
                    </a:cubicBezTo>
                    <a:lnTo>
                      <a:pt x="299942" y="397955"/>
                    </a:lnTo>
                    <a:cubicBezTo>
                      <a:pt x="310467" y="397955"/>
                      <a:pt x="318992" y="389430"/>
                      <a:pt x="318992" y="378905"/>
                    </a:cubicBezTo>
                    <a:lnTo>
                      <a:pt x="318992" y="107918"/>
                    </a:lnTo>
                    <a:cubicBezTo>
                      <a:pt x="318992" y="97393"/>
                      <a:pt x="310467" y="88868"/>
                      <a:pt x="299942" y="88868"/>
                    </a:cubicBezTo>
                    <a:lnTo>
                      <a:pt x="248698" y="88868"/>
                    </a:lnTo>
                    <a:cubicBezTo>
                      <a:pt x="238249" y="88821"/>
                      <a:pt x="229791" y="80362"/>
                      <a:pt x="229743" y="69913"/>
                    </a:cubicBezTo>
                    <a:close/>
                  </a:path>
                </a:pathLst>
              </a:custGeom>
              <a:solidFill>
                <a:srgbClr val="C7E4F1"/>
              </a:solidFill>
              <a:ln w="9525" cap="flat">
                <a:noFill/>
                <a:prstDash val="solid"/>
                <a:miter/>
              </a:ln>
            </p:spPr>
            <p:txBody>
              <a:bodyPr rtlCol="0" anchor="ctr"/>
              <a:lstStyle/>
              <a:p>
                <a:endParaRPr lang="en-AU"/>
              </a:p>
            </p:txBody>
          </p:sp>
          <p:sp>
            <p:nvSpPr>
              <p:cNvPr id="59" name="Graphic 2">
                <a:extLst>
                  <a:ext uri="{FF2B5EF4-FFF2-40B4-BE49-F238E27FC236}">
                    <a16:creationId xmlns:a16="http://schemas.microsoft.com/office/drawing/2014/main" id="{437C2228-7706-4C95-88C1-37DFF590A40D}"/>
                  </a:ext>
                </a:extLst>
              </p:cNvPr>
              <p:cNvSpPr/>
              <p:nvPr/>
            </p:nvSpPr>
            <p:spPr>
              <a:xfrm>
                <a:off x="2745009" y="2441003"/>
                <a:ext cx="121729" cy="121729"/>
              </a:xfrm>
              <a:custGeom>
                <a:avLst/>
                <a:gdLst>
                  <a:gd name="connsiteX0" fmla="*/ 121730 w 121729"/>
                  <a:gd name="connsiteY0" fmla="*/ 60865 h 121729"/>
                  <a:gd name="connsiteX1" fmla="*/ 60865 w 121729"/>
                  <a:gd name="connsiteY1" fmla="*/ 121730 h 121729"/>
                  <a:gd name="connsiteX2" fmla="*/ 0 w 121729"/>
                  <a:gd name="connsiteY2" fmla="*/ 60865 h 121729"/>
                  <a:gd name="connsiteX3" fmla="*/ 60865 w 121729"/>
                  <a:gd name="connsiteY3" fmla="*/ 0 h 121729"/>
                  <a:gd name="connsiteX4" fmla="*/ 121730 w 121729"/>
                  <a:gd name="connsiteY4" fmla="*/ 60865 h 1217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729" h="121729">
                    <a:moveTo>
                      <a:pt x="121730" y="60865"/>
                    </a:moveTo>
                    <a:cubicBezTo>
                      <a:pt x="121730" y="94479"/>
                      <a:pt x="94479" y="121730"/>
                      <a:pt x="60865" y="121730"/>
                    </a:cubicBezTo>
                    <a:cubicBezTo>
                      <a:pt x="27250" y="121730"/>
                      <a:pt x="0" y="94479"/>
                      <a:pt x="0" y="60865"/>
                    </a:cubicBezTo>
                    <a:cubicBezTo>
                      <a:pt x="0" y="27250"/>
                      <a:pt x="27250" y="0"/>
                      <a:pt x="60865" y="0"/>
                    </a:cubicBezTo>
                    <a:cubicBezTo>
                      <a:pt x="94479" y="0"/>
                      <a:pt x="121730" y="27250"/>
                      <a:pt x="121730" y="60865"/>
                    </a:cubicBezTo>
                    <a:close/>
                  </a:path>
                </a:pathLst>
              </a:custGeom>
              <a:solidFill>
                <a:srgbClr val="66B9DA"/>
              </a:solidFill>
              <a:ln w="9525" cap="flat">
                <a:noFill/>
                <a:prstDash val="solid"/>
                <a:miter/>
              </a:ln>
            </p:spPr>
            <p:txBody>
              <a:bodyPr rtlCol="0" anchor="ctr"/>
              <a:lstStyle/>
              <a:p>
                <a:endParaRPr lang="en-AU"/>
              </a:p>
            </p:txBody>
          </p:sp>
          <p:sp>
            <p:nvSpPr>
              <p:cNvPr id="60" name="Graphic 2">
                <a:extLst>
                  <a:ext uri="{FF2B5EF4-FFF2-40B4-BE49-F238E27FC236}">
                    <a16:creationId xmlns:a16="http://schemas.microsoft.com/office/drawing/2014/main" id="{E02971DC-EABB-4D56-BF80-91443AC6C726}"/>
                  </a:ext>
                </a:extLst>
              </p:cNvPr>
              <p:cNvSpPr/>
              <p:nvPr/>
            </p:nvSpPr>
            <p:spPr>
              <a:xfrm>
                <a:off x="2490501" y="2188400"/>
                <a:ext cx="338948" cy="419100"/>
              </a:xfrm>
              <a:custGeom>
                <a:avLst/>
                <a:gdLst>
                  <a:gd name="connsiteX0" fmla="*/ 22384 w 338948"/>
                  <a:gd name="connsiteY0" fmla="*/ 419100 h 419100"/>
                  <a:gd name="connsiteX1" fmla="*/ 0 w 338948"/>
                  <a:gd name="connsiteY1" fmla="*/ 396812 h 419100"/>
                  <a:gd name="connsiteX2" fmla="*/ 0 w 338948"/>
                  <a:gd name="connsiteY2" fmla="*/ 22384 h 419100"/>
                  <a:gd name="connsiteX3" fmla="*/ 22384 w 338948"/>
                  <a:gd name="connsiteY3" fmla="*/ 0 h 419100"/>
                  <a:gd name="connsiteX4" fmla="*/ 249650 w 338948"/>
                  <a:gd name="connsiteY4" fmla="*/ 0 h 419100"/>
                  <a:gd name="connsiteX5" fmla="*/ 256032 w 338948"/>
                  <a:gd name="connsiteY5" fmla="*/ 2667 h 419100"/>
                  <a:gd name="connsiteX6" fmla="*/ 336233 w 338948"/>
                  <a:gd name="connsiteY6" fmla="*/ 82867 h 419100"/>
                  <a:gd name="connsiteX7" fmla="*/ 338900 w 338948"/>
                  <a:gd name="connsiteY7" fmla="*/ 89249 h 419100"/>
                  <a:gd name="connsiteX8" fmla="*/ 338900 w 338948"/>
                  <a:gd name="connsiteY8" fmla="*/ 209550 h 419100"/>
                  <a:gd name="connsiteX9" fmla="*/ 330822 w 338948"/>
                  <a:gd name="connsiteY9" fmla="*/ 219475 h 419100"/>
                  <a:gd name="connsiteX10" fmla="*/ 320897 w 338948"/>
                  <a:gd name="connsiteY10" fmla="*/ 211407 h 419100"/>
                  <a:gd name="connsiteX11" fmla="*/ 320897 w 338948"/>
                  <a:gd name="connsiteY11" fmla="*/ 209550 h 419100"/>
                  <a:gd name="connsiteX12" fmla="*/ 320897 w 338948"/>
                  <a:gd name="connsiteY12" fmla="*/ 116015 h 419100"/>
                  <a:gd name="connsiteX13" fmla="*/ 316706 w 338948"/>
                  <a:gd name="connsiteY13" fmla="*/ 111633 h 419100"/>
                  <a:gd name="connsiteX14" fmla="*/ 316516 w 338948"/>
                  <a:gd name="connsiteY14" fmla="*/ 111633 h 419100"/>
                  <a:gd name="connsiteX15" fmla="*/ 247459 w 338948"/>
                  <a:gd name="connsiteY15" fmla="*/ 111633 h 419100"/>
                  <a:gd name="connsiteX16" fmla="*/ 227362 w 338948"/>
                  <a:gd name="connsiteY16" fmla="*/ 91535 h 419100"/>
                  <a:gd name="connsiteX17" fmla="*/ 227362 w 338948"/>
                  <a:gd name="connsiteY17" fmla="*/ 91440 h 419100"/>
                  <a:gd name="connsiteX18" fmla="*/ 227362 w 338948"/>
                  <a:gd name="connsiteY18" fmla="*/ 22384 h 419100"/>
                  <a:gd name="connsiteX19" fmla="*/ 222885 w 338948"/>
                  <a:gd name="connsiteY19" fmla="*/ 18002 h 419100"/>
                  <a:gd name="connsiteX20" fmla="*/ 22384 w 338948"/>
                  <a:gd name="connsiteY20" fmla="*/ 18002 h 419100"/>
                  <a:gd name="connsiteX21" fmla="*/ 18002 w 338948"/>
                  <a:gd name="connsiteY21" fmla="*/ 22384 h 419100"/>
                  <a:gd name="connsiteX22" fmla="*/ 18002 w 338948"/>
                  <a:gd name="connsiteY22" fmla="*/ 396812 h 419100"/>
                  <a:gd name="connsiteX23" fmla="*/ 22384 w 338948"/>
                  <a:gd name="connsiteY23" fmla="*/ 401193 h 419100"/>
                  <a:gd name="connsiteX24" fmla="*/ 263080 w 338948"/>
                  <a:gd name="connsiteY24" fmla="*/ 401193 h 419100"/>
                  <a:gd name="connsiteX25" fmla="*/ 272034 w 338948"/>
                  <a:gd name="connsiteY25" fmla="*/ 410146 h 419100"/>
                  <a:gd name="connsiteX26" fmla="*/ 263080 w 338948"/>
                  <a:gd name="connsiteY26" fmla="*/ 419100 h 419100"/>
                  <a:gd name="connsiteX27" fmla="*/ 249650 w 338948"/>
                  <a:gd name="connsiteY27" fmla="*/ 23527 h 419100"/>
                  <a:gd name="connsiteX28" fmla="*/ 248031 w 338948"/>
                  <a:gd name="connsiteY28" fmla="*/ 23527 h 419100"/>
                  <a:gd name="connsiteX29" fmla="*/ 245269 w 338948"/>
                  <a:gd name="connsiteY29" fmla="*/ 27527 h 419100"/>
                  <a:gd name="connsiteX30" fmla="*/ 245269 w 338948"/>
                  <a:gd name="connsiteY30" fmla="*/ 88868 h 419100"/>
                  <a:gd name="connsiteX31" fmla="*/ 249650 w 338948"/>
                  <a:gd name="connsiteY31" fmla="*/ 93250 h 419100"/>
                  <a:gd name="connsiteX32" fmla="*/ 310991 w 338948"/>
                  <a:gd name="connsiteY32" fmla="*/ 93250 h 419100"/>
                  <a:gd name="connsiteX33" fmla="*/ 315468 w 338948"/>
                  <a:gd name="connsiteY33" fmla="*/ 88963 h 419100"/>
                  <a:gd name="connsiteX34" fmla="*/ 314134 w 338948"/>
                  <a:gd name="connsiteY34" fmla="*/ 85725 h 419100"/>
                  <a:gd name="connsiteX35" fmla="*/ 252698 w 338948"/>
                  <a:gd name="connsiteY35" fmla="*/ 24575 h 419100"/>
                  <a:gd name="connsiteX36" fmla="*/ 249650 w 338948"/>
                  <a:gd name="connsiteY36" fmla="*/ 23527 h 419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338948" h="419100">
                    <a:moveTo>
                      <a:pt x="22384" y="419100"/>
                    </a:moveTo>
                    <a:cubicBezTo>
                      <a:pt x="10058" y="419100"/>
                      <a:pt x="57" y="409137"/>
                      <a:pt x="0" y="396812"/>
                    </a:cubicBezTo>
                    <a:lnTo>
                      <a:pt x="0" y="22384"/>
                    </a:lnTo>
                    <a:cubicBezTo>
                      <a:pt x="0" y="10020"/>
                      <a:pt x="10020" y="0"/>
                      <a:pt x="22384" y="0"/>
                    </a:cubicBezTo>
                    <a:lnTo>
                      <a:pt x="249650" y="0"/>
                    </a:lnTo>
                    <a:cubicBezTo>
                      <a:pt x="252041" y="57"/>
                      <a:pt x="254317" y="1010"/>
                      <a:pt x="256032" y="2667"/>
                    </a:cubicBezTo>
                    <a:lnTo>
                      <a:pt x="336233" y="82867"/>
                    </a:lnTo>
                    <a:cubicBezTo>
                      <a:pt x="337890" y="84582"/>
                      <a:pt x="338842" y="86859"/>
                      <a:pt x="338900" y="89249"/>
                    </a:cubicBezTo>
                    <a:lnTo>
                      <a:pt x="338900" y="209550"/>
                    </a:lnTo>
                    <a:cubicBezTo>
                      <a:pt x="339414" y="214522"/>
                      <a:pt x="335794" y="218970"/>
                      <a:pt x="330822" y="219475"/>
                    </a:cubicBezTo>
                    <a:cubicBezTo>
                      <a:pt x="325850" y="219989"/>
                      <a:pt x="321412" y="216379"/>
                      <a:pt x="320897" y="211407"/>
                    </a:cubicBezTo>
                    <a:cubicBezTo>
                      <a:pt x="320831" y="210788"/>
                      <a:pt x="320831" y="210169"/>
                      <a:pt x="320897" y="209550"/>
                    </a:cubicBezTo>
                    <a:lnTo>
                      <a:pt x="320897" y="116015"/>
                    </a:lnTo>
                    <a:cubicBezTo>
                      <a:pt x="320954" y="113652"/>
                      <a:pt x="319078" y="111690"/>
                      <a:pt x="316706" y="111633"/>
                    </a:cubicBezTo>
                    <a:cubicBezTo>
                      <a:pt x="316640" y="111633"/>
                      <a:pt x="316582" y="111633"/>
                      <a:pt x="316516" y="111633"/>
                    </a:cubicBezTo>
                    <a:lnTo>
                      <a:pt x="247459" y="111633"/>
                    </a:lnTo>
                    <a:cubicBezTo>
                      <a:pt x="236363" y="111633"/>
                      <a:pt x="227362" y="102632"/>
                      <a:pt x="227362" y="91535"/>
                    </a:cubicBezTo>
                    <a:cubicBezTo>
                      <a:pt x="227362" y="91507"/>
                      <a:pt x="227362" y="91469"/>
                      <a:pt x="227362" y="91440"/>
                    </a:cubicBezTo>
                    <a:lnTo>
                      <a:pt x="227362" y="22384"/>
                    </a:lnTo>
                    <a:cubicBezTo>
                      <a:pt x="227314" y="19945"/>
                      <a:pt x="225323" y="18002"/>
                      <a:pt x="222885" y="18002"/>
                    </a:cubicBezTo>
                    <a:lnTo>
                      <a:pt x="22384" y="18002"/>
                    </a:lnTo>
                    <a:cubicBezTo>
                      <a:pt x="19964" y="18002"/>
                      <a:pt x="18002" y="19964"/>
                      <a:pt x="18002" y="22384"/>
                    </a:cubicBezTo>
                    <a:lnTo>
                      <a:pt x="18002" y="396812"/>
                    </a:lnTo>
                    <a:cubicBezTo>
                      <a:pt x="18002" y="399231"/>
                      <a:pt x="19964" y="401193"/>
                      <a:pt x="22384" y="401193"/>
                    </a:cubicBezTo>
                    <a:lnTo>
                      <a:pt x="263080" y="401193"/>
                    </a:lnTo>
                    <a:cubicBezTo>
                      <a:pt x="268024" y="401193"/>
                      <a:pt x="272034" y="405203"/>
                      <a:pt x="272034" y="410146"/>
                    </a:cubicBezTo>
                    <a:cubicBezTo>
                      <a:pt x="272034" y="415090"/>
                      <a:pt x="268024" y="419100"/>
                      <a:pt x="263080" y="419100"/>
                    </a:cubicBezTo>
                    <a:close/>
                    <a:moveTo>
                      <a:pt x="249650" y="23527"/>
                    </a:moveTo>
                    <a:cubicBezTo>
                      <a:pt x="249117" y="23384"/>
                      <a:pt x="248564" y="23384"/>
                      <a:pt x="248031" y="23527"/>
                    </a:cubicBezTo>
                    <a:cubicBezTo>
                      <a:pt x="246355" y="24136"/>
                      <a:pt x="245240" y="25746"/>
                      <a:pt x="245269" y="27527"/>
                    </a:cubicBezTo>
                    <a:lnTo>
                      <a:pt x="245269" y="88868"/>
                    </a:lnTo>
                    <a:cubicBezTo>
                      <a:pt x="245316" y="91269"/>
                      <a:pt x="247250" y="93202"/>
                      <a:pt x="249650" y="93250"/>
                    </a:cubicBezTo>
                    <a:lnTo>
                      <a:pt x="310991" y="93250"/>
                    </a:lnTo>
                    <a:cubicBezTo>
                      <a:pt x="313411" y="93297"/>
                      <a:pt x="315411" y="91383"/>
                      <a:pt x="315468" y="88963"/>
                    </a:cubicBezTo>
                    <a:cubicBezTo>
                      <a:pt x="315487" y="87744"/>
                      <a:pt x="315011" y="86573"/>
                      <a:pt x="314134" y="85725"/>
                    </a:cubicBezTo>
                    <a:lnTo>
                      <a:pt x="252698" y="24575"/>
                    </a:lnTo>
                    <a:cubicBezTo>
                      <a:pt x="251850" y="23860"/>
                      <a:pt x="250765" y="23489"/>
                      <a:pt x="249650" y="23527"/>
                    </a:cubicBezTo>
                    <a:close/>
                  </a:path>
                </a:pathLst>
              </a:custGeom>
              <a:solidFill>
                <a:srgbClr val="265998"/>
              </a:solidFill>
              <a:ln w="9525" cap="flat">
                <a:noFill/>
                <a:prstDash val="solid"/>
                <a:miter/>
              </a:ln>
            </p:spPr>
            <p:txBody>
              <a:bodyPr rtlCol="0" anchor="ctr"/>
              <a:lstStyle/>
              <a:p>
                <a:endParaRPr lang="en-AU"/>
              </a:p>
            </p:txBody>
          </p:sp>
          <p:sp>
            <p:nvSpPr>
              <p:cNvPr id="61" name="Graphic 2">
                <a:extLst>
                  <a:ext uri="{FF2B5EF4-FFF2-40B4-BE49-F238E27FC236}">
                    <a16:creationId xmlns:a16="http://schemas.microsoft.com/office/drawing/2014/main" id="{735FB7D3-E9AD-4ED0-A509-6D5D5FCF016C}"/>
                  </a:ext>
                </a:extLst>
              </p:cNvPr>
              <p:cNvSpPr/>
              <p:nvPr/>
            </p:nvSpPr>
            <p:spPr>
              <a:xfrm>
                <a:off x="2730049" y="2428138"/>
                <a:ext cx="179083" cy="179361"/>
              </a:xfrm>
              <a:custGeom>
                <a:avLst/>
                <a:gdLst>
                  <a:gd name="connsiteX0" fmla="*/ 170599 w 179083"/>
                  <a:gd name="connsiteY0" fmla="*/ 179362 h 179361"/>
                  <a:gd name="connsiteX1" fmla="*/ 164217 w 179083"/>
                  <a:gd name="connsiteY1" fmla="*/ 176790 h 179361"/>
                  <a:gd name="connsiteX2" fmla="*/ 126117 w 179083"/>
                  <a:gd name="connsiteY2" fmla="*/ 138690 h 179361"/>
                  <a:gd name="connsiteX3" fmla="*/ 122974 w 179083"/>
                  <a:gd name="connsiteY3" fmla="*/ 137356 h 179361"/>
                  <a:gd name="connsiteX4" fmla="*/ 120497 w 179083"/>
                  <a:gd name="connsiteY4" fmla="*/ 138214 h 179361"/>
                  <a:gd name="connsiteX5" fmla="*/ 14198 w 179083"/>
                  <a:gd name="connsiteY5" fmla="*/ 120497 h 179361"/>
                  <a:gd name="connsiteX6" fmla="*/ 31915 w 179083"/>
                  <a:gd name="connsiteY6" fmla="*/ 14198 h 179361"/>
                  <a:gd name="connsiteX7" fmla="*/ 138214 w 179083"/>
                  <a:gd name="connsiteY7" fmla="*/ 31915 h 179361"/>
                  <a:gd name="connsiteX8" fmla="*/ 152406 w 179083"/>
                  <a:gd name="connsiteY8" fmla="*/ 76396 h 179361"/>
                  <a:gd name="connsiteX9" fmla="*/ 138309 w 179083"/>
                  <a:gd name="connsiteY9" fmla="*/ 120307 h 179361"/>
                  <a:gd name="connsiteX10" fmla="*/ 138309 w 179083"/>
                  <a:gd name="connsiteY10" fmla="*/ 125926 h 179361"/>
                  <a:gd name="connsiteX11" fmla="*/ 176409 w 179083"/>
                  <a:gd name="connsiteY11" fmla="*/ 164026 h 179361"/>
                  <a:gd name="connsiteX12" fmla="*/ 176514 w 179083"/>
                  <a:gd name="connsiteY12" fmla="*/ 176685 h 179361"/>
                  <a:gd name="connsiteX13" fmla="*/ 170122 w 179083"/>
                  <a:gd name="connsiteY13" fmla="*/ 179362 h 179361"/>
                  <a:gd name="connsiteX14" fmla="*/ 76968 w 179083"/>
                  <a:gd name="connsiteY14" fmla="*/ 18961 h 179361"/>
                  <a:gd name="connsiteX15" fmla="*/ 19056 w 179083"/>
                  <a:gd name="connsiteY15" fmla="*/ 76873 h 179361"/>
                  <a:gd name="connsiteX16" fmla="*/ 76968 w 179083"/>
                  <a:gd name="connsiteY16" fmla="*/ 134785 h 179361"/>
                  <a:gd name="connsiteX17" fmla="*/ 134880 w 179083"/>
                  <a:gd name="connsiteY17" fmla="*/ 76873 h 179361"/>
                  <a:gd name="connsiteX18" fmla="*/ 134880 w 179083"/>
                  <a:gd name="connsiteY18" fmla="*/ 76777 h 179361"/>
                  <a:gd name="connsiteX19" fmla="*/ 76968 w 179083"/>
                  <a:gd name="connsiteY19" fmla="*/ 18961 h 1793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79083" h="179361">
                    <a:moveTo>
                      <a:pt x="170599" y="179362"/>
                    </a:moveTo>
                    <a:cubicBezTo>
                      <a:pt x="168227" y="179333"/>
                      <a:pt x="165951" y="178409"/>
                      <a:pt x="164217" y="176790"/>
                    </a:cubicBezTo>
                    <a:lnTo>
                      <a:pt x="126117" y="138690"/>
                    </a:lnTo>
                    <a:cubicBezTo>
                      <a:pt x="125288" y="137852"/>
                      <a:pt x="124155" y="137366"/>
                      <a:pt x="122974" y="137356"/>
                    </a:cubicBezTo>
                    <a:cubicBezTo>
                      <a:pt x="122078" y="137366"/>
                      <a:pt x="121202" y="137661"/>
                      <a:pt x="120497" y="138214"/>
                    </a:cubicBezTo>
                    <a:cubicBezTo>
                      <a:pt x="86255" y="162674"/>
                      <a:pt x="38658" y="154740"/>
                      <a:pt x="14198" y="120497"/>
                    </a:cubicBezTo>
                    <a:cubicBezTo>
                      <a:pt x="-10262" y="86255"/>
                      <a:pt x="-2328" y="38658"/>
                      <a:pt x="31915" y="14198"/>
                    </a:cubicBezTo>
                    <a:cubicBezTo>
                      <a:pt x="66157" y="-10262"/>
                      <a:pt x="113753" y="-2328"/>
                      <a:pt x="138214" y="31915"/>
                    </a:cubicBezTo>
                    <a:cubicBezTo>
                      <a:pt x="147481" y="44897"/>
                      <a:pt x="152444" y="60452"/>
                      <a:pt x="152406" y="76396"/>
                    </a:cubicBezTo>
                    <a:cubicBezTo>
                      <a:pt x="152425" y="92151"/>
                      <a:pt x="147491" y="107505"/>
                      <a:pt x="138309" y="120307"/>
                    </a:cubicBezTo>
                    <a:cubicBezTo>
                      <a:pt x="136947" y="121936"/>
                      <a:pt x="136947" y="124298"/>
                      <a:pt x="138309" y="125926"/>
                    </a:cubicBezTo>
                    <a:lnTo>
                      <a:pt x="176409" y="164026"/>
                    </a:lnTo>
                    <a:cubicBezTo>
                      <a:pt x="179933" y="167494"/>
                      <a:pt x="179981" y="173161"/>
                      <a:pt x="176514" y="176685"/>
                    </a:cubicBezTo>
                    <a:cubicBezTo>
                      <a:pt x="174828" y="178400"/>
                      <a:pt x="172523" y="179362"/>
                      <a:pt x="170122" y="179362"/>
                    </a:cubicBezTo>
                    <a:close/>
                    <a:moveTo>
                      <a:pt x="76968" y="18961"/>
                    </a:moveTo>
                    <a:cubicBezTo>
                      <a:pt x="44983" y="18961"/>
                      <a:pt x="19056" y="44888"/>
                      <a:pt x="19056" y="76873"/>
                    </a:cubicBezTo>
                    <a:cubicBezTo>
                      <a:pt x="19056" y="108858"/>
                      <a:pt x="44983" y="134785"/>
                      <a:pt x="76968" y="134785"/>
                    </a:cubicBezTo>
                    <a:cubicBezTo>
                      <a:pt x="108953" y="134785"/>
                      <a:pt x="134880" y="108858"/>
                      <a:pt x="134880" y="76873"/>
                    </a:cubicBezTo>
                    <a:cubicBezTo>
                      <a:pt x="134880" y="76844"/>
                      <a:pt x="134880" y="76806"/>
                      <a:pt x="134880" y="76777"/>
                    </a:cubicBezTo>
                    <a:cubicBezTo>
                      <a:pt x="134823" y="44831"/>
                      <a:pt x="108915" y="18961"/>
                      <a:pt x="76968" y="18961"/>
                    </a:cubicBezTo>
                    <a:close/>
                  </a:path>
                </a:pathLst>
              </a:custGeom>
              <a:solidFill>
                <a:srgbClr val="265998"/>
              </a:solidFill>
              <a:ln w="9525" cap="flat">
                <a:noFill/>
                <a:prstDash val="solid"/>
                <a:miter/>
              </a:ln>
            </p:spPr>
            <p:txBody>
              <a:bodyPr rtlCol="0" anchor="ctr"/>
              <a:lstStyle/>
              <a:p>
                <a:endParaRPr lang="en-AU"/>
              </a:p>
            </p:txBody>
          </p:sp>
          <p:sp>
            <p:nvSpPr>
              <p:cNvPr id="62" name="Graphic 2">
                <a:extLst>
                  <a:ext uri="{FF2B5EF4-FFF2-40B4-BE49-F238E27FC236}">
                    <a16:creationId xmlns:a16="http://schemas.microsoft.com/office/drawing/2014/main" id="{108CB2AE-42A3-4ADC-A27D-E3ADD3059ED2}"/>
                  </a:ext>
                </a:extLst>
              </p:cNvPr>
              <p:cNvSpPr/>
              <p:nvPr/>
            </p:nvSpPr>
            <p:spPr>
              <a:xfrm>
                <a:off x="2543746" y="2308796"/>
                <a:ext cx="84582" cy="245268"/>
              </a:xfrm>
              <a:custGeom>
                <a:avLst/>
                <a:gdLst>
                  <a:gd name="connsiteX0" fmla="*/ 8954 w 84582"/>
                  <a:gd name="connsiteY0" fmla="*/ 245269 h 245268"/>
                  <a:gd name="connsiteX1" fmla="*/ 0 w 84582"/>
                  <a:gd name="connsiteY1" fmla="*/ 236220 h 245268"/>
                  <a:gd name="connsiteX2" fmla="*/ 0 w 84582"/>
                  <a:gd name="connsiteY2" fmla="*/ 8954 h 245268"/>
                  <a:gd name="connsiteX3" fmla="*/ 8954 w 84582"/>
                  <a:gd name="connsiteY3" fmla="*/ 0 h 245268"/>
                  <a:gd name="connsiteX4" fmla="*/ 75629 w 84582"/>
                  <a:gd name="connsiteY4" fmla="*/ 0 h 245268"/>
                  <a:gd name="connsiteX5" fmla="*/ 84582 w 84582"/>
                  <a:gd name="connsiteY5" fmla="*/ 8954 h 245268"/>
                  <a:gd name="connsiteX6" fmla="*/ 84582 w 84582"/>
                  <a:gd name="connsiteY6" fmla="*/ 236220 h 245268"/>
                  <a:gd name="connsiteX7" fmla="*/ 75629 w 84582"/>
                  <a:gd name="connsiteY7" fmla="*/ 245269 h 245268"/>
                  <a:gd name="connsiteX8" fmla="*/ 22288 w 84582"/>
                  <a:gd name="connsiteY8" fmla="*/ 17907 h 245268"/>
                  <a:gd name="connsiteX9" fmla="*/ 17907 w 84582"/>
                  <a:gd name="connsiteY9" fmla="*/ 22288 h 245268"/>
                  <a:gd name="connsiteX10" fmla="*/ 17907 w 84582"/>
                  <a:gd name="connsiteY10" fmla="*/ 222885 h 245268"/>
                  <a:gd name="connsiteX11" fmla="*/ 22288 w 84582"/>
                  <a:gd name="connsiteY11" fmla="*/ 227267 h 245268"/>
                  <a:gd name="connsiteX12" fmla="*/ 62389 w 84582"/>
                  <a:gd name="connsiteY12" fmla="*/ 227267 h 245268"/>
                  <a:gd name="connsiteX13" fmla="*/ 66770 w 84582"/>
                  <a:gd name="connsiteY13" fmla="*/ 223075 h 245268"/>
                  <a:gd name="connsiteX14" fmla="*/ 66770 w 84582"/>
                  <a:gd name="connsiteY14" fmla="*/ 222885 h 245268"/>
                  <a:gd name="connsiteX15" fmla="*/ 66770 w 84582"/>
                  <a:gd name="connsiteY15" fmla="*/ 22288 h 245268"/>
                  <a:gd name="connsiteX16" fmla="*/ 62389 w 84582"/>
                  <a:gd name="connsiteY16" fmla="*/ 17907 h 2452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4582" h="245268">
                    <a:moveTo>
                      <a:pt x="8954" y="245269"/>
                    </a:moveTo>
                    <a:cubicBezTo>
                      <a:pt x="4096" y="244983"/>
                      <a:pt x="238" y="241078"/>
                      <a:pt x="0" y="236220"/>
                    </a:cubicBezTo>
                    <a:lnTo>
                      <a:pt x="0" y="8954"/>
                    </a:lnTo>
                    <a:cubicBezTo>
                      <a:pt x="0" y="4010"/>
                      <a:pt x="4010" y="0"/>
                      <a:pt x="8954" y="0"/>
                    </a:cubicBezTo>
                    <a:lnTo>
                      <a:pt x="75629" y="0"/>
                    </a:lnTo>
                    <a:cubicBezTo>
                      <a:pt x="80572" y="0"/>
                      <a:pt x="84582" y="4010"/>
                      <a:pt x="84582" y="8954"/>
                    </a:cubicBezTo>
                    <a:lnTo>
                      <a:pt x="84582" y="236220"/>
                    </a:lnTo>
                    <a:cubicBezTo>
                      <a:pt x="84344" y="241078"/>
                      <a:pt x="80486" y="244983"/>
                      <a:pt x="75629" y="245269"/>
                    </a:cubicBezTo>
                    <a:close/>
                    <a:moveTo>
                      <a:pt x="22288" y="17907"/>
                    </a:moveTo>
                    <a:cubicBezTo>
                      <a:pt x="19888" y="17955"/>
                      <a:pt x="17955" y="19888"/>
                      <a:pt x="17907" y="22288"/>
                    </a:cubicBezTo>
                    <a:lnTo>
                      <a:pt x="17907" y="222885"/>
                    </a:lnTo>
                    <a:cubicBezTo>
                      <a:pt x="17907" y="225304"/>
                      <a:pt x="19869" y="227267"/>
                      <a:pt x="22288" y="227267"/>
                    </a:cubicBezTo>
                    <a:lnTo>
                      <a:pt x="62389" y="227267"/>
                    </a:lnTo>
                    <a:cubicBezTo>
                      <a:pt x="64751" y="227324"/>
                      <a:pt x="66713" y="225447"/>
                      <a:pt x="66770" y="223075"/>
                    </a:cubicBezTo>
                    <a:cubicBezTo>
                      <a:pt x="66770" y="223009"/>
                      <a:pt x="66770" y="222952"/>
                      <a:pt x="66770" y="222885"/>
                    </a:cubicBezTo>
                    <a:lnTo>
                      <a:pt x="66770" y="22288"/>
                    </a:lnTo>
                    <a:cubicBezTo>
                      <a:pt x="66770" y="19869"/>
                      <a:pt x="64808" y="17907"/>
                      <a:pt x="62389" y="17907"/>
                    </a:cubicBezTo>
                    <a:close/>
                  </a:path>
                </a:pathLst>
              </a:custGeom>
              <a:solidFill>
                <a:srgbClr val="265998"/>
              </a:solidFill>
              <a:ln w="9525" cap="flat">
                <a:noFill/>
                <a:prstDash val="solid"/>
                <a:miter/>
              </a:ln>
            </p:spPr>
            <p:txBody>
              <a:bodyPr rtlCol="0" anchor="ctr"/>
              <a:lstStyle/>
              <a:p>
                <a:endParaRPr lang="en-AU"/>
              </a:p>
            </p:txBody>
          </p:sp>
          <p:sp>
            <p:nvSpPr>
              <p:cNvPr id="63" name="Graphic 2">
                <a:extLst>
                  <a:ext uri="{FF2B5EF4-FFF2-40B4-BE49-F238E27FC236}">
                    <a16:creationId xmlns:a16="http://schemas.microsoft.com/office/drawing/2014/main" id="{682EAA25-D3D9-47D7-AE90-96CCAF76F466}"/>
                  </a:ext>
                </a:extLst>
              </p:cNvPr>
              <p:cNvSpPr/>
              <p:nvPr/>
            </p:nvSpPr>
            <p:spPr>
              <a:xfrm>
                <a:off x="2664333" y="2375471"/>
                <a:ext cx="84582" cy="178593"/>
              </a:xfrm>
              <a:custGeom>
                <a:avLst/>
                <a:gdLst>
                  <a:gd name="connsiteX0" fmla="*/ 8954 w 84582"/>
                  <a:gd name="connsiteY0" fmla="*/ 178594 h 178593"/>
                  <a:gd name="connsiteX1" fmla="*/ 0 w 84582"/>
                  <a:gd name="connsiteY1" fmla="*/ 169545 h 178593"/>
                  <a:gd name="connsiteX2" fmla="*/ 0 w 84582"/>
                  <a:gd name="connsiteY2" fmla="*/ 8954 h 178593"/>
                  <a:gd name="connsiteX3" fmla="*/ 8954 w 84582"/>
                  <a:gd name="connsiteY3" fmla="*/ 0 h 178593"/>
                  <a:gd name="connsiteX4" fmla="*/ 75629 w 84582"/>
                  <a:gd name="connsiteY4" fmla="*/ 0 h 178593"/>
                  <a:gd name="connsiteX5" fmla="*/ 84582 w 84582"/>
                  <a:gd name="connsiteY5" fmla="*/ 8954 h 178593"/>
                  <a:gd name="connsiteX6" fmla="*/ 84582 w 84582"/>
                  <a:gd name="connsiteY6" fmla="*/ 49054 h 178593"/>
                  <a:gd name="connsiteX7" fmla="*/ 75629 w 84582"/>
                  <a:gd name="connsiteY7" fmla="*/ 58007 h 178593"/>
                  <a:gd name="connsiteX8" fmla="*/ 66675 w 84582"/>
                  <a:gd name="connsiteY8" fmla="*/ 49054 h 178593"/>
                  <a:gd name="connsiteX9" fmla="*/ 66675 w 84582"/>
                  <a:gd name="connsiteY9" fmla="*/ 22288 h 178593"/>
                  <a:gd name="connsiteX10" fmla="*/ 62293 w 84582"/>
                  <a:gd name="connsiteY10" fmla="*/ 17907 h 178593"/>
                  <a:gd name="connsiteX11" fmla="*/ 22193 w 84582"/>
                  <a:gd name="connsiteY11" fmla="*/ 17907 h 178593"/>
                  <a:gd name="connsiteX12" fmla="*/ 17812 w 84582"/>
                  <a:gd name="connsiteY12" fmla="*/ 22288 h 178593"/>
                  <a:gd name="connsiteX13" fmla="*/ 17812 w 84582"/>
                  <a:gd name="connsiteY13" fmla="*/ 155638 h 178593"/>
                  <a:gd name="connsiteX14" fmla="*/ 22003 w 84582"/>
                  <a:gd name="connsiteY14" fmla="*/ 160020 h 178593"/>
                  <a:gd name="connsiteX15" fmla="*/ 22193 w 84582"/>
                  <a:gd name="connsiteY15" fmla="*/ 160020 h 178593"/>
                  <a:gd name="connsiteX16" fmla="*/ 48863 w 84582"/>
                  <a:gd name="connsiteY16" fmla="*/ 160020 h 178593"/>
                  <a:gd name="connsiteX17" fmla="*/ 56940 w 84582"/>
                  <a:gd name="connsiteY17" fmla="*/ 169945 h 178593"/>
                  <a:gd name="connsiteX18" fmla="*/ 48863 w 84582"/>
                  <a:gd name="connsiteY18" fmla="*/ 178022 h 1785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84582" h="178593">
                    <a:moveTo>
                      <a:pt x="8954" y="178594"/>
                    </a:moveTo>
                    <a:cubicBezTo>
                      <a:pt x="4096" y="178308"/>
                      <a:pt x="238" y="174403"/>
                      <a:pt x="0" y="169545"/>
                    </a:cubicBezTo>
                    <a:lnTo>
                      <a:pt x="0" y="8954"/>
                    </a:lnTo>
                    <a:cubicBezTo>
                      <a:pt x="0" y="4010"/>
                      <a:pt x="4010" y="0"/>
                      <a:pt x="8954" y="0"/>
                    </a:cubicBezTo>
                    <a:lnTo>
                      <a:pt x="75629" y="0"/>
                    </a:lnTo>
                    <a:cubicBezTo>
                      <a:pt x="80572" y="0"/>
                      <a:pt x="84582" y="4010"/>
                      <a:pt x="84582" y="8954"/>
                    </a:cubicBezTo>
                    <a:lnTo>
                      <a:pt x="84582" y="49054"/>
                    </a:lnTo>
                    <a:cubicBezTo>
                      <a:pt x="84582" y="53997"/>
                      <a:pt x="80572" y="58007"/>
                      <a:pt x="75629" y="58007"/>
                    </a:cubicBezTo>
                    <a:cubicBezTo>
                      <a:pt x="70685" y="58007"/>
                      <a:pt x="66675" y="53997"/>
                      <a:pt x="66675" y="49054"/>
                    </a:cubicBezTo>
                    <a:lnTo>
                      <a:pt x="66675" y="22288"/>
                    </a:lnTo>
                    <a:cubicBezTo>
                      <a:pt x="66627" y="19888"/>
                      <a:pt x="64694" y="17955"/>
                      <a:pt x="62293" y="17907"/>
                    </a:cubicBezTo>
                    <a:lnTo>
                      <a:pt x="22193" y="17907"/>
                    </a:lnTo>
                    <a:cubicBezTo>
                      <a:pt x="19774" y="17907"/>
                      <a:pt x="17812" y="19869"/>
                      <a:pt x="17812" y="22288"/>
                    </a:cubicBezTo>
                    <a:lnTo>
                      <a:pt x="17812" y="155638"/>
                    </a:lnTo>
                    <a:cubicBezTo>
                      <a:pt x="17755" y="158001"/>
                      <a:pt x="19631" y="159963"/>
                      <a:pt x="22003" y="160020"/>
                    </a:cubicBezTo>
                    <a:cubicBezTo>
                      <a:pt x="22069" y="160020"/>
                      <a:pt x="22127" y="160020"/>
                      <a:pt x="22193" y="160020"/>
                    </a:cubicBezTo>
                    <a:lnTo>
                      <a:pt x="48863" y="160020"/>
                    </a:lnTo>
                    <a:cubicBezTo>
                      <a:pt x="53835" y="160534"/>
                      <a:pt x="57445" y="164973"/>
                      <a:pt x="56940" y="169945"/>
                    </a:cubicBezTo>
                    <a:cubicBezTo>
                      <a:pt x="56502" y="174212"/>
                      <a:pt x="53130" y="177584"/>
                      <a:pt x="48863" y="178022"/>
                    </a:cubicBezTo>
                    <a:close/>
                  </a:path>
                </a:pathLst>
              </a:custGeom>
              <a:solidFill>
                <a:srgbClr val="265998"/>
              </a:solidFill>
              <a:ln w="9525" cap="flat">
                <a:noFill/>
                <a:prstDash val="solid"/>
                <a:miter/>
              </a:ln>
            </p:spPr>
            <p:txBody>
              <a:bodyPr rtlCol="0" anchor="ctr"/>
              <a:lstStyle/>
              <a:p>
                <a:endParaRPr lang="en-AU"/>
              </a:p>
            </p:txBody>
          </p:sp>
        </p:grpSp>
        <p:sp>
          <p:nvSpPr>
            <p:cNvPr id="135" name="Rectangle 134">
              <a:extLst>
                <a:ext uri="{FF2B5EF4-FFF2-40B4-BE49-F238E27FC236}">
                  <a16:creationId xmlns:a16="http://schemas.microsoft.com/office/drawing/2014/main" id="{10FF599F-E1E9-4FC9-BD5F-391DB65DF1DB}"/>
                </a:ext>
                <a:ext uri="{C183D7F6-B498-43B3-948B-1728B52AA6E4}">
                  <adec:decorative xmlns:adec="http://schemas.microsoft.com/office/drawing/2017/decorative" val="1"/>
                </a:ext>
              </a:extLst>
            </p:cNvPr>
            <p:cNvSpPr/>
            <p:nvPr/>
          </p:nvSpPr>
          <p:spPr>
            <a:xfrm>
              <a:off x="2969046" y="1030854"/>
              <a:ext cx="655405" cy="534407"/>
            </a:xfrm>
            <a:prstGeom prst="rect">
              <a:avLst/>
            </a:prstGeom>
            <a:solidFill>
              <a:schemeClr val="tx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36" name="Rectangle 135">
              <a:extLst>
                <a:ext uri="{FF2B5EF4-FFF2-40B4-BE49-F238E27FC236}">
                  <a16:creationId xmlns:a16="http://schemas.microsoft.com/office/drawing/2014/main" id="{7496CF00-C63F-4D65-AA52-4BABED14CB10}"/>
                </a:ext>
                <a:ext uri="{C183D7F6-B498-43B3-948B-1728B52AA6E4}">
                  <adec:decorative xmlns:adec="http://schemas.microsoft.com/office/drawing/2017/decorative" val="1"/>
                </a:ext>
              </a:extLst>
            </p:cNvPr>
            <p:cNvSpPr/>
            <p:nvPr/>
          </p:nvSpPr>
          <p:spPr>
            <a:xfrm>
              <a:off x="6740923" y="2273544"/>
              <a:ext cx="655405" cy="534407"/>
            </a:xfrm>
            <a:prstGeom prst="rect">
              <a:avLst/>
            </a:prstGeom>
            <a:solidFill>
              <a:schemeClr val="tx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nvGrpSpPr>
            <p:cNvPr id="137" name="Group 136">
              <a:extLst>
                <a:ext uri="{FF2B5EF4-FFF2-40B4-BE49-F238E27FC236}">
                  <a16:creationId xmlns:a16="http://schemas.microsoft.com/office/drawing/2014/main" id="{F66F3539-2DDB-4F4D-8A09-34173E7A7075}"/>
                </a:ext>
              </a:extLst>
            </p:cNvPr>
            <p:cNvGrpSpPr/>
            <p:nvPr/>
          </p:nvGrpSpPr>
          <p:grpSpPr>
            <a:xfrm>
              <a:off x="6883193" y="2354606"/>
              <a:ext cx="419576" cy="419576"/>
              <a:chOff x="3183445" y="3589908"/>
              <a:chExt cx="419576" cy="419576"/>
            </a:xfrm>
          </p:grpSpPr>
          <p:sp>
            <p:nvSpPr>
              <p:cNvPr id="138" name="Graphic 2">
                <a:extLst>
                  <a:ext uri="{FF2B5EF4-FFF2-40B4-BE49-F238E27FC236}">
                    <a16:creationId xmlns:a16="http://schemas.microsoft.com/office/drawing/2014/main" id="{EC973D6F-F762-409D-A26C-1FC1C0FA7FA4}"/>
                  </a:ext>
                </a:extLst>
              </p:cNvPr>
              <p:cNvSpPr/>
              <p:nvPr/>
            </p:nvSpPr>
            <p:spPr>
              <a:xfrm>
                <a:off x="3200400" y="3607816"/>
                <a:ext cx="254222" cy="211264"/>
              </a:xfrm>
              <a:custGeom>
                <a:avLst/>
                <a:gdLst>
                  <a:gd name="connsiteX0" fmla="*/ 110680 w 254222"/>
                  <a:gd name="connsiteY0" fmla="*/ 173927 h 211264"/>
                  <a:gd name="connsiteX1" fmla="*/ 126968 w 254222"/>
                  <a:gd name="connsiteY1" fmla="*/ 174688 h 211264"/>
                  <a:gd name="connsiteX2" fmla="*/ 254222 w 254222"/>
                  <a:gd name="connsiteY2" fmla="*/ 87344 h 211264"/>
                  <a:gd name="connsiteX3" fmla="*/ 126968 w 254222"/>
                  <a:gd name="connsiteY3" fmla="*/ 0 h 211264"/>
                  <a:gd name="connsiteX4" fmla="*/ 0 w 254222"/>
                  <a:gd name="connsiteY4" fmla="*/ 87344 h 211264"/>
                  <a:gd name="connsiteX5" fmla="*/ 49625 w 254222"/>
                  <a:gd name="connsiteY5" fmla="*/ 156400 h 211264"/>
                  <a:gd name="connsiteX6" fmla="*/ 54483 w 254222"/>
                  <a:gd name="connsiteY6" fmla="*/ 164402 h 211264"/>
                  <a:gd name="connsiteX7" fmla="*/ 54483 w 254222"/>
                  <a:gd name="connsiteY7" fmla="*/ 206788 h 211264"/>
                  <a:gd name="connsiteX8" fmla="*/ 57055 w 254222"/>
                  <a:gd name="connsiteY8" fmla="*/ 210788 h 211264"/>
                  <a:gd name="connsiteX9" fmla="*/ 58960 w 254222"/>
                  <a:gd name="connsiteY9" fmla="*/ 211264 h 211264"/>
                  <a:gd name="connsiteX10" fmla="*/ 61817 w 254222"/>
                  <a:gd name="connsiteY10" fmla="*/ 210217 h 211264"/>
                  <a:gd name="connsiteX11" fmla="*/ 104204 w 254222"/>
                  <a:gd name="connsiteY11" fmla="*/ 175927 h 211264"/>
                  <a:gd name="connsiteX12" fmla="*/ 110014 w 254222"/>
                  <a:gd name="connsiteY12" fmla="*/ 173927 h 2112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54222" h="211264">
                    <a:moveTo>
                      <a:pt x="110680" y="173927"/>
                    </a:moveTo>
                    <a:cubicBezTo>
                      <a:pt x="116777" y="174498"/>
                      <a:pt x="121920" y="174688"/>
                      <a:pt x="126968" y="174688"/>
                    </a:cubicBezTo>
                    <a:cubicBezTo>
                      <a:pt x="197168" y="174688"/>
                      <a:pt x="254222" y="135541"/>
                      <a:pt x="254222" y="87344"/>
                    </a:cubicBezTo>
                    <a:cubicBezTo>
                      <a:pt x="254222" y="39148"/>
                      <a:pt x="197072" y="0"/>
                      <a:pt x="126968" y="0"/>
                    </a:cubicBezTo>
                    <a:cubicBezTo>
                      <a:pt x="56864" y="0"/>
                      <a:pt x="0" y="39243"/>
                      <a:pt x="0" y="87344"/>
                    </a:cubicBezTo>
                    <a:cubicBezTo>
                      <a:pt x="0" y="114395"/>
                      <a:pt x="18097" y="139541"/>
                      <a:pt x="49625" y="156400"/>
                    </a:cubicBezTo>
                    <a:cubicBezTo>
                      <a:pt x="52635" y="157924"/>
                      <a:pt x="54521" y="161030"/>
                      <a:pt x="54483" y="164402"/>
                    </a:cubicBezTo>
                    <a:lnTo>
                      <a:pt x="54483" y="206788"/>
                    </a:lnTo>
                    <a:cubicBezTo>
                      <a:pt x="54483" y="208512"/>
                      <a:pt x="55483" y="210074"/>
                      <a:pt x="57055" y="210788"/>
                    </a:cubicBezTo>
                    <a:cubicBezTo>
                      <a:pt x="57645" y="211093"/>
                      <a:pt x="58293" y="211255"/>
                      <a:pt x="58960" y="211264"/>
                    </a:cubicBezTo>
                    <a:cubicBezTo>
                      <a:pt x="60007" y="211255"/>
                      <a:pt x="61008" y="210883"/>
                      <a:pt x="61817" y="210217"/>
                    </a:cubicBezTo>
                    <a:lnTo>
                      <a:pt x="104204" y="175927"/>
                    </a:lnTo>
                    <a:cubicBezTo>
                      <a:pt x="105870" y="174641"/>
                      <a:pt x="107909" y="173936"/>
                      <a:pt x="110014" y="173927"/>
                    </a:cubicBezTo>
                    <a:close/>
                  </a:path>
                </a:pathLst>
              </a:custGeom>
              <a:solidFill>
                <a:srgbClr val="C7E4F1"/>
              </a:solidFill>
              <a:ln w="9525" cap="flat">
                <a:noFill/>
                <a:prstDash val="solid"/>
                <a:miter/>
              </a:ln>
            </p:spPr>
            <p:txBody>
              <a:bodyPr rtlCol="0" anchor="ctr"/>
              <a:lstStyle/>
              <a:p>
                <a:endParaRPr lang="en-AU"/>
              </a:p>
            </p:txBody>
          </p:sp>
          <p:sp>
            <p:nvSpPr>
              <p:cNvPr id="139" name="Graphic 2">
                <a:extLst>
                  <a:ext uri="{FF2B5EF4-FFF2-40B4-BE49-F238E27FC236}">
                    <a16:creationId xmlns:a16="http://schemas.microsoft.com/office/drawing/2014/main" id="{9B47B167-8EB9-40B0-B53C-044604CAA60D}"/>
                  </a:ext>
                </a:extLst>
              </p:cNvPr>
              <p:cNvSpPr/>
              <p:nvPr/>
            </p:nvSpPr>
            <p:spPr>
              <a:xfrm>
                <a:off x="3335464" y="3768788"/>
                <a:ext cx="249459" cy="207371"/>
              </a:xfrm>
              <a:custGeom>
                <a:avLst/>
                <a:gdLst>
                  <a:gd name="connsiteX0" fmla="*/ 141161 w 249459"/>
                  <a:gd name="connsiteY0" fmla="*/ 170688 h 207371"/>
                  <a:gd name="connsiteX1" fmla="*/ 146780 w 249459"/>
                  <a:gd name="connsiteY1" fmla="*/ 172688 h 207371"/>
                  <a:gd name="connsiteX2" fmla="*/ 188786 w 249459"/>
                  <a:gd name="connsiteY2" fmla="*/ 206312 h 207371"/>
                  <a:gd name="connsiteX3" fmla="*/ 191548 w 249459"/>
                  <a:gd name="connsiteY3" fmla="*/ 207264 h 207371"/>
                  <a:gd name="connsiteX4" fmla="*/ 193453 w 249459"/>
                  <a:gd name="connsiteY4" fmla="*/ 207264 h 207371"/>
                  <a:gd name="connsiteX5" fmla="*/ 195929 w 249459"/>
                  <a:gd name="connsiteY5" fmla="*/ 203263 h 207371"/>
                  <a:gd name="connsiteX6" fmla="*/ 195929 w 249459"/>
                  <a:gd name="connsiteY6" fmla="*/ 161544 h 207371"/>
                  <a:gd name="connsiteX7" fmla="*/ 200692 w 249459"/>
                  <a:gd name="connsiteY7" fmla="*/ 153638 h 207371"/>
                  <a:gd name="connsiteX8" fmla="*/ 249460 w 249459"/>
                  <a:gd name="connsiteY8" fmla="*/ 85725 h 207371"/>
                  <a:gd name="connsiteX9" fmla="*/ 124682 w 249459"/>
                  <a:gd name="connsiteY9" fmla="*/ 0 h 207371"/>
                  <a:gd name="connsiteX10" fmla="*/ 0 w 249459"/>
                  <a:gd name="connsiteY10" fmla="*/ 85725 h 207371"/>
                  <a:gd name="connsiteX11" fmla="*/ 124682 w 249459"/>
                  <a:gd name="connsiteY11" fmla="*/ 171450 h 207371"/>
                  <a:gd name="connsiteX12" fmla="*/ 140684 w 249459"/>
                  <a:gd name="connsiteY12" fmla="*/ 170688 h 2073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49459" h="207371">
                    <a:moveTo>
                      <a:pt x="141161" y="170688"/>
                    </a:moveTo>
                    <a:cubicBezTo>
                      <a:pt x="143199" y="170736"/>
                      <a:pt x="145171" y="171440"/>
                      <a:pt x="146780" y="172688"/>
                    </a:cubicBezTo>
                    <a:lnTo>
                      <a:pt x="188786" y="206312"/>
                    </a:lnTo>
                    <a:cubicBezTo>
                      <a:pt x="189567" y="206940"/>
                      <a:pt x="190548" y="207274"/>
                      <a:pt x="191548" y="207264"/>
                    </a:cubicBezTo>
                    <a:cubicBezTo>
                      <a:pt x="192176" y="207407"/>
                      <a:pt x="192824" y="207407"/>
                      <a:pt x="193453" y="207264"/>
                    </a:cubicBezTo>
                    <a:cubicBezTo>
                      <a:pt x="194967" y="206512"/>
                      <a:pt x="195929" y="204959"/>
                      <a:pt x="195929" y="203263"/>
                    </a:cubicBezTo>
                    <a:lnTo>
                      <a:pt x="195929" y="161544"/>
                    </a:lnTo>
                    <a:cubicBezTo>
                      <a:pt x="196053" y="158267"/>
                      <a:pt x="197844" y="155277"/>
                      <a:pt x="200692" y="153638"/>
                    </a:cubicBezTo>
                    <a:cubicBezTo>
                      <a:pt x="231648" y="137065"/>
                      <a:pt x="249460" y="112300"/>
                      <a:pt x="249460" y="85725"/>
                    </a:cubicBezTo>
                    <a:cubicBezTo>
                      <a:pt x="249460" y="38100"/>
                      <a:pt x="193453" y="0"/>
                      <a:pt x="124682" y="0"/>
                    </a:cubicBezTo>
                    <a:cubicBezTo>
                      <a:pt x="55912" y="0"/>
                      <a:pt x="0" y="38100"/>
                      <a:pt x="0" y="85725"/>
                    </a:cubicBezTo>
                    <a:cubicBezTo>
                      <a:pt x="0" y="133350"/>
                      <a:pt x="55912" y="171450"/>
                      <a:pt x="124682" y="171450"/>
                    </a:cubicBezTo>
                    <a:cubicBezTo>
                      <a:pt x="129635" y="171450"/>
                      <a:pt x="134779" y="171450"/>
                      <a:pt x="140684" y="170688"/>
                    </a:cubicBezTo>
                    <a:close/>
                  </a:path>
                </a:pathLst>
              </a:custGeom>
              <a:solidFill>
                <a:srgbClr val="66B9DA"/>
              </a:solidFill>
              <a:ln w="9525" cap="flat">
                <a:noFill/>
                <a:prstDash val="solid"/>
                <a:miter/>
              </a:ln>
            </p:spPr>
            <p:txBody>
              <a:bodyPr rtlCol="0" anchor="ctr"/>
              <a:lstStyle/>
              <a:p>
                <a:endParaRPr lang="en-AU"/>
              </a:p>
            </p:txBody>
          </p:sp>
          <p:sp>
            <p:nvSpPr>
              <p:cNvPr id="141" name="Graphic 2">
                <a:extLst>
                  <a:ext uri="{FF2B5EF4-FFF2-40B4-BE49-F238E27FC236}">
                    <a16:creationId xmlns:a16="http://schemas.microsoft.com/office/drawing/2014/main" id="{B7E7EFF0-262A-4DBF-B933-B063E65755FA}"/>
                  </a:ext>
                  <a:ext uri="{C183D7F6-B498-43B3-948B-1728B52AA6E4}">
                    <adec:decorative xmlns:adec="http://schemas.microsoft.com/office/drawing/2017/decorative" val="1"/>
                  </a:ext>
                </a:extLst>
              </p:cNvPr>
              <p:cNvSpPr/>
              <p:nvPr/>
            </p:nvSpPr>
            <p:spPr>
              <a:xfrm>
                <a:off x="3317271" y="3750786"/>
                <a:ext cx="285750" cy="258698"/>
              </a:xfrm>
              <a:custGeom>
                <a:avLst/>
                <a:gdLst>
                  <a:gd name="connsiteX0" fmla="*/ 222885 w 285750"/>
                  <a:gd name="connsiteY0" fmla="*/ 258223 h 258698"/>
                  <a:gd name="connsiteX1" fmla="*/ 217170 w 285750"/>
                  <a:gd name="connsiteY1" fmla="*/ 256127 h 258698"/>
                  <a:gd name="connsiteX2" fmla="*/ 157925 w 285750"/>
                  <a:gd name="connsiteY2" fmla="*/ 208502 h 258698"/>
                  <a:gd name="connsiteX3" fmla="*/ 155162 w 285750"/>
                  <a:gd name="connsiteY3" fmla="*/ 207550 h 258698"/>
                  <a:gd name="connsiteX4" fmla="*/ 155162 w 285750"/>
                  <a:gd name="connsiteY4" fmla="*/ 207550 h 258698"/>
                  <a:gd name="connsiteX5" fmla="*/ 142875 w 285750"/>
                  <a:gd name="connsiteY5" fmla="*/ 208026 h 258698"/>
                  <a:gd name="connsiteX6" fmla="*/ 0 w 285750"/>
                  <a:gd name="connsiteY6" fmla="*/ 104013 h 258698"/>
                  <a:gd name="connsiteX7" fmla="*/ 142875 w 285750"/>
                  <a:gd name="connsiteY7" fmla="*/ 0 h 258698"/>
                  <a:gd name="connsiteX8" fmla="*/ 285750 w 285750"/>
                  <a:gd name="connsiteY8" fmla="*/ 104013 h 258698"/>
                  <a:gd name="connsiteX9" fmla="*/ 234410 w 285750"/>
                  <a:gd name="connsiteY9" fmla="*/ 183928 h 258698"/>
                  <a:gd name="connsiteX10" fmla="*/ 232315 w 285750"/>
                  <a:gd name="connsiteY10" fmla="*/ 187642 h 258698"/>
                  <a:gd name="connsiteX11" fmla="*/ 232315 w 285750"/>
                  <a:gd name="connsiteY11" fmla="*/ 249650 h 258698"/>
                  <a:gd name="connsiteX12" fmla="*/ 223361 w 285750"/>
                  <a:gd name="connsiteY12" fmla="*/ 258699 h 258698"/>
                  <a:gd name="connsiteX13" fmla="*/ 159449 w 285750"/>
                  <a:gd name="connsiteY13" fmla="*/ 188690 h 258698"/>
                  <a:gd name="connsiteX14" fmla="*/ 165068 w 285750"/>
                  <a:gd name="connsiteY14" fmla="*/ 190690 h 258698"/>
                  <a:gd name="connsiteX15" fmla="*/ 206978 w 285750"/>
                  <a:gd name="connsiteY15" fmla="*/ 224314 h 258698"/>
                  <a:gd name="connsiteX16" fmla="*/ 209741 w 285750"/>
                  <a:gd name="connsiteY16" fmla="*/ 225266 h 258698"/>
                  <a:gd name="connsiteX17" fmla="*/ 211646 w 285750"/>
                  <a:gd name="connsiteY17" fmla="*/ 225266 h 258698"/>
                  <a:gd name="connsiteX18" fmla="*/ 214122 w 285750"/>
                  <a:gd name="connsiteY18" fmla="*/ 221266 h 258698"/>
                  <a:gd name="connsiteX19" fmla="*/ 214122 w 285750"/>
                  <a:gd name="connsiteY19" fmla="*/ 179546 h 258698"/>
                  <a:gd name="connsiteX20" fmla="*/ 218885 w 285750"/>
                  <a:gd name="connsiteY20" fmla="*/ 171640 h 258698"/>
                  <a:gd name="connsiteX21" fmla="*/ 267653 w 285750"/>
                  <a:gd name="connsiteY21" fmla="*/ 103727 h 258698"/>
                  <a:gd name="connsiteX22" fmla="*/ 142875 w 285750"/>
                  <a:gd name="connsiteY22" fmla="*/ 18002 h 258698"/>
                  <a:gd name="connsiteX23" fmla="*/ 18193 w 285750"/>
                  <a:gd name="connsiteY23" fmla="*/ 103727 h 258698"/>
                  <a:gd name="connsiteX24" fmla="*/ 142875 w 285750"/>
                  <a:gd name="connsiteY24" fmla="*/ 189452 h 258698"/>
                  <a:gd name="connsiteX25" fmla="*/ 158877 w 285750"/>
                  <a:gd name="connsiteY25" fmla="*/ 188690 h 2586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285750" h="258698">
                    <a:moveTo>
                      <a:pt x="222885" y="258223"/>
                    </a:moveTo>
                    <a:cubicBezTo>
                      <a:pt x="220790" y="258213"/>
                      <a:pt x="218770" y="257470"/>
                      <a:pt x="217170" y="256127"/>
                    </a:cubicBezTo>
                    <a:lnTo>
                      <a:pt x="157925" y="208502"/>
                    </a:lnTo>
                    <a:cubicBezTo>
                      <a:pt x="157153" y="207854"/>
                      <a:pt x="156172" y="207521"/>
                      <a:pt x="155162" y="207550"/>
                    </a:cubicBezTo>
                    <a:lnTo>
                      <a:pt x="155162" y="207550"/>
                    </a:lnTo>
                    <a:cubicBezTo>
                      <a:pt x="150781" y="207550"/>
                      <a:pt x="146780" y="208026"/>
                      <a:pt x="142875" y="208026"/>
                    </a:cubicBezTo>
                    <a:cubicBezTo>
                      <a:pt x="64199" y="208026"/>
                      <a:pt x="0" y="161354"/>
                      <a:pt x="0" y="104013"/>
                    </a:cubicBezTo>
                    <a:cubicBezTo>
                      <a:pt x="0" y="46672"/>
                      <a:pt x="64008" y="0"/>
                      <a:pt x="142875" y="0"/>
                    </a:cubicBezTo>
                    <a:cubicBezTo>
                      <a:pt x="221742" y="0"/>
                      <a:pt x="285750" y="46672"/>
                      <a:pt x="285750" y="104013"/>
                    </a:cubicBezTo>
                    <a:cubicBezTo>
                      <a:pt x="285750" y="135064"/>
                      <a:pt x="266700" y="164211"/>
                      <a:pt x="234410" y="183928"/>
                    </a:cubicBezTo>
                    <a:cubicBezTo>
                      <a:pt x="233086" y="184690"/>
                      <a:pt x="232286" y="186118"/>
                      <a:pt x="232315" y="187642"/>
                    </a:cubicBezTo>
                    <a:lnTo>
                      <a:pt x="232315" y="249650"/>
                    </a:lnTo>
                    <a:cubicBezTo>
                      <a:pt x="232077" y="254508"/>
                      <a:pt x="228219" y="258413"/>
                      <a:pt x="223361" y="258699"/>
                    </a:cubicBezTo>
                    <a:close/>
                    <a:moveTo>
                      <a:pt x="159449" y="188690"/>
                    </a:moveTo>
                    <a:cubicBezTo>
                      <a:pt x="161487" y="188738"/>
                      <a:pt x="163459" y="189443"/>
                      <a:pt x="165068" y="190690"/>
                    </a:cubicBezTo>
                    <a:lnTo>
                      <a:pt x="206978" y="224314"/>
                    </a:lnTo>
                    <a:cubicBezTo>
                      <a:pt x="207759" y="224942"/>
                      <a:pt x="208740" y="225276"/>
                      <a:pt x="209741" y="225266"/>
                    </a:cubicBezTo>
                    <a:cubicBezTo>
                      <a:pt x="210369" y="225409"/>
                      <a:pt x="211017" y="225409"/>
                      <a:pt x="211646" y="225266"/>
                    </a:cubicBezTo>
                    <a:cubicBezTo>
                      <a:pt x="213160" y="224514"/>
                      <a:pt x="214122" y="222961"/>
                      <a:pt x="214122" y="221266"/>
                    </a:cubicBezTo>
                    <a:lnTo>
                      <a:pt x="214122" y="179546"/>
                    </a:lnTo>
                    <a:cubicBezTo>
                      <a:pt x="214246" y="176269"/>
                      <a:pt x="216037" y="173279"/>
                      <a:pt x="218885" y="171640"/>
                    </a:cubicBezTo>
                    <a:cubicBezTo>
                      <a:pt x="249841" y="155067"/>
                      <a:pt x="267653" y="130302"/>
                      <a:pt x="267653" y="103727"/>
                    </a:cubicBezTo>
                    <a:cubicBezTo>
                      <a:pt x="267653" y="56102"/>
                      <a:pt x="211646" y="18002"/>
                      <a:pt x="142875" y="18002"/>
                    </a:cubicBezTo>
                    <a:cubicBezTo>
                      <a:pt x="74104" y="18002"/>
                      <a:pt x="18193" y="56102"/>
                      <a:pt x="18193" y="103727"/>
                    </a:cubicBezTo>
                    <a:cubicBezTo>
                      <a:pt x="18193" y="151352"/>
                      <a:pt x="74104" y="189452"/>
                      <a:pt x="142875" y="189452"/>
                    </a:cubicBezTo>
                    <a:cubicBezTo>
                      <a:pt x="147828" y="189452"/>
                      <a:pt x="152971" y="189452"/>
                      <a:pt x="158877" y="188690"/>
                    </a:cubicBezTo>
                    <a:close/>
                  </a:path>
                </a:pathLst>
              </a:custGeom>
              <a:solidFill>
                <a:srgbClr val="265998"/>
              </a:solidFill>
              <a:ln w="9525" cap="flat">
                <a:noFill/>
                <a:prstDash val="solid"/>
                <a:miter/>
              </a:ln>
            </p:spPr>
            <p:txBody>
              <a:bodyPr rtlCol="0" anchor="ctr"/>
              <a:lstStyle/>
              <a:p>
                <a:endParaRPr lang="en-AU"/>
              </a:p>
            </p:txBody>
          </p:sp>
          <p:sp>
            <p:nvSpPr>
              <p:cNvPr id="142" name="Graphic 2">
                <a:extLst>
                  <a:ext uri="{FF2B5EF4-FFF2-40B4-BE49-F238E27FC236}">
                    <a16:creationId xmlns:a16="http://schemas.microsoft.com/office/drawing/2014/main" id="{7276B646-6E0E-4649-B653-91F4B7AD3D09}"/>
                  </a:ext>
                </a:extLst>
              </p:cNvPr>
              <p:cNvSpPr/>
              <p:nvPr/>
            </p:nvSpPr>
            <p:spPr>
              <a:xfrm>
                <a:off x="3398301" y="3830510"/>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4"/>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a:p>
            </p:txBody>
          </p:sp>
          <p:sp>
            <p:nvSpPr>
              <p:cNvPr id="143" name="Graphic 2">
                <a:extLst>
                  <a:ext uri="{FF2B5EF4-FFF2-40B4-BE49-F238E27FC236}">
                    <a16:creationId xmlns:a16="http://schemas.microsoft.com/office/drawing/2014/main" id="{7BF6602D-9736-4140-9A9E-84EE4C4EB356}"/>
                  </a:ext>
                </a:extLst>
              </p:cNvPr>
              <p:cNvSpPr/>
              <p:nvPr/>
            </p:nvSpPr>
            <p:spPr>
              <a:xfrm>
                <a:off x="3398301" y="3870610"/>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5"/>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a:p>
            </p:txBody>
          </p:sp>
          <p:sp>
            <p:nvSpPr>
              <p:cNvPr id="144" name="Graphic 2">
                <a:extLst>
                  <a:ext uri="{FF2B5EF4-FFF2-40B4-BE49-F238E27FC236}">
                    <a16:creationId xmlns:a16="http://schemas.microsoft.com/office/drawing/2014/main" id="{46157894-2AE3-4131-A2A2-4C5F9AEED14B}"/>
                  </a:ext>
                </a:extLst>
              </p:cNvPr>
              <p:cNvSpPr/>
              <p:nvPr/>
            </p:nvSpPr>
            <p:spPr>
              <a:xfrm>
                <a:off x="3183445" y="3589908"/>
                <a:ext cx="285750" cy="258639"/>
              </a:xfrm>
              <a:custGeom>
                <a:avLst/>
                <a:gdLst>
                  <a:gd name="connsiteX0" fmla="*/ 62484 w 285750"/>
                  <a:gd name="connsiteY0" fmla="*/ 258604 h 258639"/>
                  <a:gd name="connsiteX1" fmla="*/ 58579 w 285750"/>
                  <a:gd name="connsiteY1" fmla="*/ 257746 h 258639"/>
                  <a:gd name="connsiteX2" fmla="*/ 53530 w 285750"/>
                  <a:gd name="connsiteY2" fmla="*/ 249650 h 258639"/>
                  <a:gd name="connsiteX3" fmla="*/ 53530 w 285750"/>
                  <a:gd name="connsiteY3" fmla="*/ 187547 h 258639"/>
                  <a:gd name="connsiteX4" fmla="*/ 51435 w 285750"/>
                  <a:gd name="connsiteY4" fmla="*/ 183832 h 258639"/>
                  <a:gd name="connsiteX5" fmla="*/ 0 w 285750"/>
                  <a:gd name="connsiteY5" fmla="*/ 103918 h 258639"/>
                  <a:gd name="connsiteX6" fmla="*/ 142875 w 285750"/>
                  <a:gd name="connsiteY6" fmla="*/ 0 h 258639"/>
                  <a:gd name="connsiteX7" fmla="*/ 285750 w 285750"/>
                  <a:gd name="connsiteY7" fmla="*/ 103918 h 258639"/>
                  <a:gd name="connsiteX8" fmla="*/ 280321 w 285750"/>
                  <a:gd name="connsiteY8" fmla="*/ 132493 h 258639"/>
                  <a:gd name="connsiteX9" fmla="*/ 271939 w 285750"/>
                  <a:gd name="connsiteY9" fmla="*/ 138303 h 258639"/>
                  <a:gd name="connsiteX10" fmla="*/ 268700 w 285750"/>
                  <a:gd name="connsiteY10" fmla="*/ 137636 h 258639"/>
                  <a:gd name="connsiteX11" fmla="*/ 263747 w 285750"/>
                  <a:gd name="connsiteY11" fmla="*/ 132874 h 258639"/>
                  <a:gd name="connsiteX12" fmla="*/ 263747 w 285750"/>
                  <a:gd name="connsiteY12" fmla="*/ 126016 h 258639"/>
                  <a:gd name="connsiteX13" fmla="*/ 267938 w 285750"/>
                  <a:gd name="connsiteY13" fmla="*/ 103918 h 258639"/>
                  <a:gd name="connsiteX14" fmla="*/ 143256 w 285750"/>
                  <a:gd name="connsiteY14" fmla="*/ 18193 h 258639"/>
                  <a:gd name="connsiteX15" fmla="*/ 18479 w 285750"/>
                  <a:gd name="connsiteY15" fmla="*/ 103918 h 258639"/>
                  <a:gd name="connsiteX16" fmla="*/ 67246 w 285750"/>
                  <a:gd name="connsiteY16" fmla="*/ 171926 h 258639"/>
                  <a:gd name="connsiteX17" fmla="*/ 72009 w 285750"/>
                  <a:gd name="connsiteY17" fmla="*/ 179832 h 258639"/>
                  <a:gd name="connsiteX18" fmla="*/ 72009 w 285750"/>
                  <a:gd name="connsiteY18" fmla="*/ 221837 h 258639"/>
                  <a:gd name="connsiteX19" fmla="*/ 74486 w 285750"/>
                  <a:gd name="connsiteY19" fmla="*/ 225743 h 258639"/>
                  <a:gd name="connsiteX20" fmla="*/ 76390 w 285750"/>
                  <a:gd name="connsiteY20" fmla="*/ 226219 h 258639"/>
                  <a:gd name="connsiteX21" fmla="*/ 79057 w 285750"/>
                  <a:gd name="connsiteY21" fmla="*/ 225266 h 258639"/>
                  <a:gd name="connsiteX22" fmla="*/ 124206 w 285750"/>
                  <a:gd name="connsiteY22" fmla="*/ 189167 h 258639"/>
                  <a:gd name="connsiteX23" fmla="*/ 129826 w 285750"/>
                  <a:gd name="connsiteY23" fmla="*/ 187166 h 258639"/>
                  <a:gd name="connsiteX24" fmla="*/ 138874 w 285750"/>
                  <a:gd name="connsiteY24" fmla="*/ 196025 h 258639"/>
                  <a:gd name="connsiteX25" fmla="*/ 135446 w 285750"/>
                  <a:gd name="connsiteY25" fmla="*/ 203168 h 258639"/>
                  <a:gd name="connsiteX26" fmla="*/ 68771 w 285750"/>
                  <a:gd name="connsiteY26" fmla="*/ 256604 h 258639"/>
                  <a:gd name="connsiteX27" fmla="*/ 62484 w 285750"/>
                  <a:gd name="connsiteY27" fmla="*/ 258604 h 2586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285750" h="258639">
                    <a:moveTo>
                      <a:pt x="62484" y="258604"/>
                    </a:moveTo>
                    <a:cubicBezTo>
                      <a:pt x="61131" y="258594"/>
                      <a:pt x="59807" y="258308"/>
                      <a:pt x="58579" y="257746"/>
                    </a:cubicBezTo>
                    <a:cubicBezTo>
                      <a:pt x="55569" y="256146"/>
                      <a:pt x="53645" y="253060"/>
                      <a:pt x="53530" y="249650"/>
                    </a:cubicBezTo>
                    <a:lnTo>
                      <a:pt x="53530" y="187547"/>
                    </a:lnTo>
                    <a:cubicBezTo>
                      <a:pt x="53559" y="186023"/>
                      <a:pt x="52759" y="184595"/>
                      <a:pt x="51435" y="183832"/>
                    </a:cubicBezTo>
                    <a:cubicBezTo>
                      <a:pt x="18764" y="164116"/>
                      <a:pt x="0" y="134969"/>
                      <a:pt x="0" y="103918"/>
                    </a:cubicBezTo>
                    <a:cubicBezTo>
                      <a:pt x="0" y="46768"/>
                      <a:pt x="64103" y="0"/>
                      <a:pt x="142875" y="0"/>
                    </a:cubicBezTo>
                    <a:cubicBezTo>
                      <a:pt x="221647" y="0"/>
                      <a:pt x="285750" y="46577"/>
                      <a:pt x="285750" y="103918"/>
                    </a:cubicBezTo>
                    <a:cubicBezTo>
                      <a:pt x="285750" y="113700"/>
                      <a:pt x="283902" y="123397"/>
                      <a:pt x="280321" y="132493"/>
                    </a:cubicBezTo>
                    <a:cubicBezTo>
                      <a:pt x="278882" y="135884"/>
                      <a:pt x="275625" y="138151"/>
                      <a:pt x="271939" y="138303"/>
                    </a:cubicBezTo>
                    <a:cubicBezTo>
                      <a:pt x="270824" y="138274"/>
                      <a:pt x="269729" y="138046"/>
                      <a:pt x="268700" y="137636"/>
                    </a:cubicBezTo>
                    <a:cubicBezTo>
                      <a:pt x="266462" y="136798"/>
                      <a:pt x="264671" y="135074"/>
                      <a:pt x="263747" y="132874"/>
                    </a:cubicBezTo>
                    <a:cubicBezTo>
                      <a:pt x="262833" y="130673"/>
                      <a:pt x="262833" y="128206"/>
                      <a:pt x="263747" y="126016"/>
                    </a:cubicBezTo>
                    <a:cubicBezTo>
                      <a:pt x="266500" y="118977"/>
                      <a:pt x="267919" y="111481"/>
                      <a:pt x="267938" y="103918"/>
                    </a:cubicBezTo>
                    <a:cubicBezTo>
                      <a:pt x="267938" y="56293"/>
                      <a:pt x="212027" y="18193"/>
                      <a:pt x="143256" y="18193"/>
                    </a:cubicBezTo>
                    <a:cubicBezTo>
                      <a:pt x="74486" y="18193"/>
                      <a:pt x="18479" y="56769"/>
                      <a:pt x="18479" y="103918"/>
                    </a:cubicBezTo>
                    <a:cubicBezTo>
                      <a:pt x="18479" y="130588"/>
                      <a:pt x="36290" y="155353"/>
                      <a:pt x="67246" y="171926"/>
                    </a:cubicBezTo>
                    <a:cubicBezTo>
                      <a:pt x="70190" y="173460"/>
                      <a:pt x="72028" y="176508"/>
                      <a:pt x="72009" y="179832"/>
                    </a:cubicBezTo>
                    <a:lnTo>
                      <a:pt x="72009" y="221837"/>
                    </a:lnTo>
                    <a:cubicBezTo>
                      <a:pt x="72028" y="223504"/>
                      <a:pt x="72980" y="225019"/>
                      <a:pt x="74486" y="225743"/>
                    </a:cubicBezTo>
                    <a:cubicBezTo>
                      <a:pt x="75076" y="226047"/>
                      <a:pt x="75724" y="226209"/>
                      <a:pt x="76390" y="226219"/>
                    </a:cubicBezTo>
                    <a:cubicBezTo>
                      <a:pt x="77362" y="226190"/>
                      <a:pt x="78296" y="225857"/>
                      <a:pt x="79057" y="225266"/>
                    </a:cubicBezTo>
                    <a:lnTo>
                      <a:pt x="124206" y="189167"/>
                    </a:lnTo>
                    <a:cubicBezTo>
                      <a:pt x="125787" y="187871"/>
                      <a:pt x="127778" y="187166"/>
                      <a:pt x="129826" y="187166"/>
                    </a:cubicBezTo>
                    <a:cubicBezTo>
                      <a:pt x="134769" y="187109"/>
                      <a:pt x="138827" y="191071"/>
                      <a:pt x="138874" y="196025"/>
                    </a:cubicBezTo>
                    <a:cubicBezTo>
                      <a:pt x="138912" y="198806"/>
                      <a:pt x="137636" y="201454"/>
                      <a:pt x="135446" y="203168"/>
                    </a:cubicBezTo>
                    <a:lnTo>
                      <a:pt x="68771" y="256604"/>
                    </a:lnTo>
                    <a:cubicBezTo>
                      <a:pt x="67027" y="258089"/>
                      <a:pt x="64761" y="258813"/>
                      <a:pt x="62484" y="258604"/>
                    </a:cubicBezTo>
                    <a:close/>
                  </a:path>
                </a:pathLst>
              </a:custGeom>
              <a:solidFill>
                <a:srgbClr val="265998"/>
              </a:solidFill>
              <a:ln w="9525" cap="flat">
                <a:noFill/>
                <a:prstDash val="solid"/>
                <a:miter/>
              </a:ln>
            </p:spPr>
            <p:txBody>
              <a:bodyPr rtlCol="0" anchor="ctr"/>
              <a:lstStyle/>
              <a:p>
                <a:endParaRPr lang="en-AU"/>
              </a:p>
            </p:txBody>
          </p:sp>
          <p:sp>
            <p:nvSpPr>
              <p:cNvPr id="145" name="Graphic 2">
                <a:extLst>
                  <a:ext uri="{FF2B5EF4-FFF2-40B4-BE49-F238E27FC236}">
                    <a16:creationId xmlns:a16="http://schemas.microsoft.com/office/drawing/2014/main" id="{E05C56E7-559A-4D52-B583-2471C560E5ED}"/>
                  </a:ext>
                </a:extLst>
              </p:cNvPr>
              <p:cNvSpPr/>
              <p:nvPr/>
            </p:nvSpPr>
            <p:spPr>
              <a:xfrm>
                <a:off x="3263741" y="3670109"/>
                <a:ext cx="124872" cy="17906"/>
              </a:xfrm>
              <a:custGeom>
                <a:avLst/>
                <a:gdLst>
                  <a:gd name="connsiteX0" fmla="*/ 8954 w 124872"/>
                  <a:gd name="connsiteY0" fmla="*/ 17907 h 17906"/>
                  <a:gd name="connsiteX1" fmla="*/ 0 w 124872"/>
                  <a:gd name="connsiteY1" fmla="*/ 8954 h 17906"/>
                  <a:gd name="connsiteX2" fmla="*/ 8954 w 124872"/>
                  <a:gd name="connsiteY2" fmla="*/ 0 h 17906"/>
                  <a:gd name="connsiteX3" fmla="*/ 115919 w 124872"/>
                  <a:gd name="connsiteY3" fmla="*/ 0 h 17906"/>
                  <a:gd name="connsiteX4" fmla="*/ 124873 w 124872"/>
                  <a:gd name="connsiteY4" fmla="*/ 8954 h 17906"/>
                  <a:gd name="connsiteX5" fmla="*/ 115919 w 124872"/>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4872" h="17906">
                    <a:moveTo>
                      <a:pt x="8954" y="17907"/>
                    </a:moveTo>
                    <a:cubicBezTo>
                      <a:pt x="4010" y="17907"/>
                      <a:pt x="0" y="13897"/>
                      <a:pt x="0" y="8954"/>
                    </a:cubicBezTo>
                    <a:cubicBezTo>
                      <a:pt x="0" y="4010"/>
                      <a:pt x="4010" y="0"/>
                      <a:pt x="8954" y="0"/>
                    </a:cubicBezTo>
                    <a:lnTo>
                      <a:pt x="115919" y="0"/>
                    </a:lnTo>
                    <a:cubicBezTo>
                      <a:pt x="120863" y="0"/>
                      <a:pt x="124873" y="4010"/>
                      <a:pt x="124873" y="8954"/>
                    </a:cubicBezTo>
                    <a:cubicBezTo>
                      <a:pt x="124873" y="13897"/>
                      <a:pt x="120863" y="17907"/>
                      <a:pt x="115919" y="17907"/>
                    </a:cubicBezTo>
                    <a:close/>
                  </a:path>
                </a:pathLst>
              </a:custGeom>
              <a:solidFill>
                <a:srgbClr val="265998"/>
              </a:solidFill>
              <a:ln w="9525" cap="flat">
                <a:noFill/>
                <a:prstDash val="solid"/>
                <a:miter/>
              </a:ln>
            </p:spPr>
            <p:txBody>
              <a:bodyPr rtlCol="0" anchor="ctr"/>
              <a:lstStyle/>
              <a:p>
                <a:endParaRPr lang="en-AU"/>
              </a:p>
            </p:txBody>
          </p:sp>
          <p:sp>
            <p:nvSpPr>
              <p:cNvPr id="147" name="Graphic 2">
                <a:extLst>
                  <a:ext uri="{FF2B5EF4-FFF2-40B4-BE49-F238E27FC236}">
                    <a16:creationId xmlns:a16="http://schemas.microsoft.com/office/drawing/2014/main" id="{0B5D7BA0-95C3-4FCE-959A-F0499E4A3E9D}"/>
                  </a:ext>
                </a:extLst>
              </p:cNvPr>
              <p:cNvSpPr/>
              <p:nvPr/>
            </p:nvSpPr>
            <p:spPr>
              <a:xfrm>
                <a:off x="3264570" y="3710209"/>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4"/>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a:p>
            </p:txBody>
          </p:sp>
        </p:grpSp>
        <p:sp>
          <p:nvSpPr>
            <p:cNvPr id="148" name="Rectangle 147">
              <a:extLst>
                <a:ext uri="{FF2B5EF4-FFF2-40B4-BE49-F238E27FC236}">
                  <a16:creationId xmlns:a16="http://schemas.microsoft.com/office/drawing/2014/main" id="{1A691C5F-E4F2-4B04-9184-F1A1765AA8F1}"/>
                </a:ext>
                <a:ext uri="{C183D7F6-B498-43B3-948B-1728B52AA6E4}">
                  <adec:decorative xmlns:adec="http://schemas.microsoft.com/office/drawing/2017/decorative" val="1"/>
                </a:ext>
              </a:extLst>
            </p:cNvPr>
            <p:cNvSpPr/>
            <p:nvPr/>
          </p:nvSpPr>
          <p:spPr>
            <a:xfrm>
              <a:off x="5279324" y="1030854"/>
              <a:ext cx="655405" cy="534407"/>
            </a:xfrm>
            <a:prstGeom prst="rect">
              <a:avLst/>
            </a:prstGeom>
            <a:solidFill>
              <a:schemeClr val="tx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nvGrpSpPr>
            <p:cNvPr id="72" name="Group 71">
              <a:extLst>
                <a:ext uri="{FF2B5EF4-FFF2-40B4-BE49-F238E27FC236}">
                  <a16:creationId xmlns:a16="http://schemas.microsoft.com/office/drawing/2014/main" id="{65325920-B371-4A0A-9F70-958C7BDD0673}"/>
                </a:ext>
              </a:extLst>
            </p:cNvPr>
            <p:cNvGrpSpPr/>
            <p:nvPr/>
          </p:nvGrpSpPr>
          <p:grpSpPr>
            <a:xfrm>
              <a:off x="5392716" y="1068060"/>
              <a:ext cx="419545" cy="419195"/>
              <a:chOff x="1795272" y="2888583"/>
              <a:chExt cx="419545" cy="419195"/>
            </a:xfrm>
          </p:grpSpPr>
          <p:sp>
            <p:nvSpPr>
              <p:cNvPr id="73" name="Graphic 2">
                <a:extLst>
                  <a:ext uri="{FF2B5EF4-FFF2-40B4-BE49-F238E27FC236}">
                    <a16:creationId xmlns:a16="http://schemas.microsoft.com/office/drawing/2014/main" id="{9AF189E2-A296-42A8-86CC-497D8043F92E}"/>
                  </a:ext>
                </a:extLst>
              </p:cNvPr>
              <p:cNvSpPr/>
              <p:nvPr/>
            </p:nvSpPr>
            <p:spPr>
              <a:xfrm>
                <a:off x="2056066" y="3153187"/>
                <a:ext cx="113918" cy="113918"/>
              </a:xfrm>
              <a:custGeom>
                <a:avLst/>
                <a:gdLst>
                  <a:gd name="connsiteX0" fmla="*/ 113919 w 113918"/>
                  <a:gd name="connsiteY0" fmla="*/ 56960 h 113918"/>
                  <a:gd name="connsiteX1" fmla="*/ 56960 w 113918"/>
                  <a:gd name="connsiteY1" fmla="*/ 113919 h 113918"/>
                  <a:gd name="connsiteX2" fmla="*/ 0 w 113918"/>
                  <a:gd name="connsiteY2" fmla="*/ 56960 h 113918"/>
                  <a:gd name="connsiteX3" fmla="*/ 56960 w 113918"/>
                  <a:gd name="connsiteY3" fmla="*/ 0 h 113918"/>
                  <a:gd name="connsiteX4" fmla="*/ 113919 w 113918"/>
                  <a:gd name="connsiteY4" fmla="*/ 56960 h 1139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918" h="113918">
                    <a:moveTo>
                      <a:pt x="113919" y="56960"/>
                    </a:moveTo>
                    <a:cubicBezTo>
                      <a:pt x="113919" y="88417"/>
                      <a:pt x="88417" y="113919"/>
                      <a:pt x="56960" y="113919"/>
                    </a:cubicBezTo>
                    <a:cubicBezTo>
                      <a:pt x="25502" y="113919"/>
                      <a:pt x="0" y="88417"/>
                      <a:pt x="0" y="56960"/>
                    </a:cubicBezTo>
                    <a:cubicBezTo>
                      <a:pt x="0" y="25502"/>
                      <a:pt x="25502" y="0"/>
                      <a:pt x="56960" y="0"/>
                    </a:cubicBezTo>
                    <a:cubicBezTo>
                      <a:pt x="88417" y="0"/>
                      <a:pt x="113919" y="25502"/>
                      <a:pt x="113919" y="56960"/>
                    </a:cubicBezTo>
                    <a:close/>
                  </a:path>
                </a:pathLst>
              </a:custGeom>
              <a:solidFill>
                <a:srgbClr val="C7E4F1"/>
              </a:solidFill>
              <a:ln w="9525" cap="flat">
                <a:noFill/>
                <a:prstDash val="solid"/>
                <a:miter/>
              </a:ln>
            </p:spPr>
            <p:txBody>
              <a:bodyPr rtlCol="0" anchor="ctr"/>
              <a:lstStyle/>
              <a:p>
                <a:endParaRPr lang="en-AU"/>
              </a:p>
            </p:txBody>
          </p:sp>
          <p:sp>
            <p:nvSpPr>
              <p:cNvPr id="78" name="Graphic 2">
                <a:extLst>
                  <a:ext uri="{FF2B5EF4-FFF2-40B4-BE49-F238E27FC236}">
                    <a16:creationId xmlns:a16="http://schemas.microsoft.com/office/drawing/2014/main" id="{9B4E0515-53E7-423B-A67E-8A7F90A30766}"/>
                  </a:ext>
                </a:extLst>
              </p:cNvPr>
              <p:cNvSpPr/>
              <p:nvPr/>
            </p:nvSpPr>
            <p:spPr>
              <a:xfrm>
                <a:off x="1799463" y="3217291"/>
                <a:ext cx="145923" cy="79247"/>
              </a:xfrm>
              <a:custGeom>
                <a:avLst/>
                <a:gdLst>
                  <a:gd name="connsiteX0" fmla="*/ 0 w 145923"/>
                  <a:gd name="connsiteY0" fmla="*/ 0 h 79247"/>
                  <a:gd name="connsiteX1" fmla="*/ 145923 w 145923"/>
                  <a:gd name="connsiteY1" fmla="*/ 0 h 79247"/>
                  <a:gd name="connsiteX2" fmla="*/ 145923 w 145923"/>
                  <a:gd name="connsiteY2" fmla="*/ 79248 h 79247"/>
                  <a:gd name="connsiteX3" fmla="*/ 0 w 145923"/>
                  <a:gd name="connsiteY3" fmla="*/ 79248 h 79247"/>
                </a:gdLst>
                <a:ahLst/>
                <a:cxnLst>
                  <a:cxn ang="0">
                    <a:pos x="connsiteX0" y="connsiteY0"/>
                  </a:cxn>
                  <a:cxn ang="0">
                    <a:pos x="connsiteX1" y="connsiteY1"/>
                  </a:cxn>
                  <a:cxn ang="0">
                    <a:pos x="connsiteX2" y="connsiteY2"/>
                  </a:cxn>
                  <a:cxn ang="0">
                    <a:pos x="connsiteX3" y="connsiteY3"/>
                  </a:cxn>
                </a:cxnLst>
                <a:rect l="l" t="t" r="r" b="b"/>
                <a:pathLst>
                  <a:path w="145923" h="79247">
                    <a:moveTo>
                      <a:pt x="0" y="0"/>
                    </a:moveTo>
                    <a:lnTo>
                      <a:pt x="145923" y="0"/>
                    </a:lnTo>
                    <a:lnTo>
                      <a:pt x="145923" y="79248"/>
                    </a:lnTo>
                    <a:lnTo>
                      <a:pt x="0" y="79248"/>
                    </a:lnTo>
                    <a:close/>
                  </a:path>
                </a:pathLst>
              </a:custGeom>
              <a:solidFill>
                <a:srgbClr val="C7E4F1"/>
              </a:solidFill>
              <a:ln w="9525" cap="flat">
                <a:noFill/>
                <a:prstDash val="solid"/>
                <a:miter/>
              </a:ln>
            </p:spPr>
            <p:txBody>
              <a:bodyPr rtlCol="0" anchor="ctr"/>
              <a:lstStyle/>
              <a:p>
                <a:endParaRPr lang="en-AU"/>
              </a:p>
            </p:txBody>
          </p:sp>
          <p:sp>
            <p:nvSpPr>
              <p:cNvPr id="79" name="Graphic 2">
                <a:extLst>
                  <a:ext uri="{FF2B5EF4-FFF2-40B4-BE49-F238E27FC236}">
                    <a16:creationId xmlns:a16="http://schemas.microsoft.com/office/drawing/2014/main" id="{5658640D-4332-46D4-BFCA-D5973ABCE8D1}"/>
                  </a:ext>
                </a:extLst>
              </p:cNvPr>
              <p:cNvSpPr/>
              <p:nvPr/>
            </p:nvSpPr>
            <p:spPr>
              <a:xfrm>
                <a:off x="1966817" y="3083083"/>
                <a:ext cx="77057" cy="66865"/>
              </a:xfrm>
              <a:custGeom>
                <a:avLst/>
                <a:gdLst>
                  <a:gd name="connsiteX0" fmla="*/ 0 w 77057"/>
                  <a:gd name="connsiteY0" fmla="*/ 0 h 66865"/>
                  <a:gd name="connsiteX1" fmla="*/ 77057 w 77057"/>
                  <a:gd name="connsiteY1" fmla="*/ 0 h 66865"/>
                  <a:gd name="connsiteX2" fmla="*/ 77057 w 77057"/>
                  <a:gd name="connsiteY2" fmla="*/ 66866 h 66865"/>
                  <a:gd name="connsiteX3" fmla="*/ 0 w 77057"/>
                  <a:gd name="connsiteY3" fmla="*/ 66866 h 66865"/>
                </a:gdLst>
                <a:ahLst/>
                <a:cxnLst>
                  <a:cxn ang="0">
                    <a:pos x="connsiteX0" y="connsiteY0"/>
                  </a:cxn>
                  <a:cxn ang="0">
                    <a:pos x="connsiteX1" y="connsiteY1"/>
                  </a:cxn>
                  <a:cxn ang="0">
                    <a:pos x="connsiteX2" y="connsiteY2"/>
                  </a:cxn>
                  <a:cxn ang="0">
                    <a:pos x="connsiteX3" y="connsiteY3"/>
                  </a:cxn>
                </a:cxnLst>
                <a:rect l="l" t="t" r="r" b="b"/>
                <a:pathLst>
                  <a:path w="77057" h="66865">
                    <a:moveTo>
                      <a:pt x="0" y="0"/>
                    </a:moveTo>
                    <a:lnTo>
                      <a:pt x="77057" y="0"/>
                    </a:lnTo>
                    <a:lnTo>
                      <a:pt x="77057" y="66866"/>
                    </a:lnTo>
                    <a:lnTo>
                      <a:pt x="0" y="66866"/>
                    </a:lnTo>
                    <a:close/>
                  </a:path>
                </a:pathLst>
              </a:custGeom>
              <a:solidFill>
                <a:srgbClr val="66B9DA"/>
              </a:solidFill>
              <a:ln w="9525" cap="flat">
                <a:noFill/>
                <a:prstDash val="solid"/>
                <a:miter/>
              </a:ln>
            </p:spPr>
            <p:txBody>
              <a:bodyPr rtlCol="0" anchor="ctr"/>
              <a:lstStyle/>
              <a:p>
                <a:endParaRPr lang="en-AU"/>
              </a:p>
            </p:txBody>
          </p:sp>
          <p:sp>
            <p:nvSpPr>
              <p:cNvPr id="80" name="Graphic 2">
                <a:extLst>
                  <a:ext uri="{FF2B5EF4-FFF2-40B4-BE49-F238E27FC236}">
                    <a16:creationId xmlns:a16="http://schemas.microsoft.com/office/drawing/2014/main" id="{4833E819-3765-49A1-B734-06601ED2D62D}"/>
                  </a:ext>
                </a:extLst>
              </p:cNvPr>
              <p:cNvSpPr/>
              <p:nvPr/>
            </p:nvSpPr>
            <p:spPr>
              <a:xfrm>
                <a:off x="2049779" y="3142424"/>
                <a:ext cx="165038" cy="165068"/>
              </a:xfrm>
              <a:custGeom>
                <a:avLst/>
                <a:gdLst>
                  <a:gd name="connsiteX0" fmla="*/ 156115 w 165038"/>
                  <a:gd name="connsiteY0" fmla="*/ 165068 h 165068"/>
                  <a:gd name="connsiteX1" fmla="*/ 149733 w 165038"/>
                  <a:gd name="connsiteY1" fmla="*/ 162401 h 165068"/>
                  <a:gd name="connsiteX2" fmla="*/ 113919 w 165038"/>
                  <a:gd name="connsiteY2" fmla="*/ 126587 h 165068"/>
                  <a:gd name="connsiteX3" fmla="*/ 110871 w 165038"/>
                  <a:gd name="connsiteY3" fmla="*/ 125349 h 165068"/>
                  <a:gd name="connsiteX4" fmla="*/ 108299 w 165038"/>
                  <a:gd name="connsiteY4" fmla="*/ 126111 h 165068"/>
                  <a:gd name="connsiteX5" fmla="*/ 69152 w 165038"/>
                  <a:gd name="connsiteY5" fmla="*/ 138303 h 165068"/>
                  <a:gd name="connsiteX6" fmla="*/ 0 w 165038"/>
                  <a:gd name="connsiteY6" fmla="*/ 69151 h 165068"/>
                  <a:gd name="connsiteX7" fmla="*/ 69152 w 165038"/>
                  <a:gd name="connsiteY7" fmla="*/ 0 h 165068"/>
                  <a:gd name="connsiteX8" fmla="*/ 138303 w 165038"/>
                  <a:gd name="connsiteY8" fmla="*/ 69151 h 165068"/>
                  <a:gd name="connsiteX9" fmla="*/ 126111 w 165038"/>
                  <a:gd name="connsiteY9" fmla="*/ 108299 h 165068"/>
                  <a:gd name="connsiteX10" fmla="*/ 126683 w 165038"/>
                  <a:gd name="connsiteY10" fmla="*/ 113919 h 165068"/>
                  <a:gd name="connsiteX11" fmla="*/ 162496 w 165038"/>
                  <a:gd name="connsiteY11" fmla="*/ 149733 h 165068"/>
                  <a:gd name="connsiteX12" fmla="*/ 162277 w 165038"/>
                  <a:gd name="connsiteY12" fmla="*/ 162525 h 165068"/>
                  <a:gd name="connsiteX13" fmla="*/ 156115 w 165038"/>
                  <a:gd name="connsiteY13" fmla="*/ 165068 h 165068"/>
                  <a:gd name="connsiteX14" fmla="*/ 69152 w 165038"/>
                  <a:gd name="connsiteY14" fmla="*/ 18002 h 165068"/>
                  <a:gd name="connsiteX15" fmla="*/ 17907 w 165038"/>
                  <a:gd name="connsiteY15" fmla="*/ 69247 h 165068"/>
                  <a:gd name="connsiteX16" fmla="*/ 69152 w 165038"/>
                  <a:gd name="connsiteY16" fmla="*/ 120491 h 165068"/>
                  <a:gd name="connsiteX17" fmla="*/ 120396 w 165038"/>
                  <a:gd name="connsiteY17" fmla="*/ 69247 h 165068"/>
                  <a:gd name="connsiteX18" fmla="*/ 120396 w 165038"/>
                  <a:gd name="connsiteY18" fmla="*/ 69151 h 165068"/>
                  <a:gd name="connsiteX19" fmla="*/ 69152 w 165038"/>
                  <a:gd name="connsiteY19" fmla="*/ 18002 h 165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65038" h="165068">
                    <a:moveTo>
                      <a:pt x="156115" y="165068"/>
                    </a:moveTo>
                    <a:cubicBezTo>
                      <a:pt x="153724" y="165011"/>
                      <a:pt x="151448" y="164059"/>
                      <a:pt x="149733" y="162401"/>
                    </a:cubicBezTo>
                    <a:lnTo>
                      <a:pt x="113919" y="126587"/>
                    </a:lnTo>
                    <a:cubicBezTo>
                      <a:pt x="113109" y="125787"/>
                      <a:pt x="112014" y="125339"/>
                      <a:pt x="110871" y="125349"/>
                    </a:cubicBezTo>
                    <a:cubicBezTo>
                      <a:pt x="109957" y="125368"/>
                      <a:pt x="109071" y="125625"/>
                      <a:pt x="108299" y="126111"/>
                    </a:cubicBezTo>
                    <a:cubicBezTo>
                      <a:pt x="96803" y="134093"/>
                      <a:pt x="83144" y="138341"/>
                      <a:pt x="69152" y="138303"/>
                    </a:cubicBezTo>
                    <a:cubicBezTo>
                      <a:pt x="30956" y="138303"/>
                      <a:pt x="0" y="107347"/>
                      <a:pt x="0" y="69151"/>
                    </a:cubicBezTo>
                    <a:cubicBezTo>
                      <a:pt x="0" y="30956"/>
                      <a:pt x="30956" y="0"/>
                      <a:pt x="69152" y="0"/>
                    </a:cubicBezTo>
                    <a:cubicBezTo>
                      <a:pt x="107347" y="0"/>
                      <a:pt x="138303" y="30956"/>
                      <a:pt x="138303" y="69151"/>
                    </a:cubicBezTo>
                    <a:cubicBezTo>
                      <a:pt x="138341" y="83144"/>
                      <a:pt x="134093" y="96803"/>
                      <a:pt x="126111" y="108299"/>
                    </a:cubicBezTo>
                    <a:cubicBezTo>
                      <a:pt x="124949" y="110071"/>
                      <a:pt x="125187" y="112414"/>
                      <a:pt x="126683" y="113919"/>
                    </a:cubicBezTo>
                    <a:lnTo>
                      <a:pt x="162496" y="149733"/>
                    </a:lnTo>
                    <a:cubicBezTo>
                      <a:pt x="165973" y="153324"/>
                      <a:pt x="165868" y="159058"/>
                      <a:pt x="162277" y="162525"/>
                    </a:cubicBezTo>
                    <a:cubicBezTo>
                      <a:pt x="160620" y="164125"/>
                      <a:pt x="158420" y="165040"/>
                      <a:pt x="156115" y="165068"/>
                    </a:cubicBezTo>
                    <a:close/>
                    <a:moveTo>
                      <a:pt x="69152" y="18002"/>
                    </a:moveTo>
                    <a:cubicBezTo>
                      <a:pt x="40853" y="18002"/>
                      <a:pt x="17907" y="40948"/>
                      <a:pt x="17907" y="69247"/>
                    </a:cubicBezTo>
                    <a:cubicBezTo>
                      <a:pt x="17907" y="97546"/>
                      <a:pt x="40853" y="120491"/>
                      <a:pt x="69152" y="120491"/>
                    </a:cubicBezTo>
                    <a:cubicBezTo>
                      <a:pt x="97450" y="120491"/>
                      <a:pt x="120396" y="97546"/>
                      <a:pt x="120396" y="69247"/>
                    </a:cubicBezTo>
                    <a:cubicBezTo>
                      <a:pt x="120396" y="69218"/>
                      <a:pt x="120396" y="69180"/>
                      <a:pt x="120396" y="69151"/>
                    </a:cubicBezTo>
                    <a:cubicBezTo>
                      <a:pt x="120339" y="40891"/>
                      <a:pt x="97412" y="18002"/>
                      <a:pt x="69152" y="18002"/>
                    </a:cubicBezTo>
                    <a:close/>
                  </a:path>
                </a:pathLst>
              </a:custGeom>
              <a:solidFill>
                <a:srgbClr val="265998"/>
              </a:solidFill>
              <a:ln w="9525" cap="flat">
                <a:noFill/>
                <a:prstDash val="solid"/>
                <a:miter/>
              </a:ln>
            </p:spPr>
            <p:txBody>
              <a:bodyPr rtlCol="0" anchor="ctr"/>
              <a:lstStyle/>
              <a:p>
                <a:endParaRPr lang="en-AU"/>
              </a:p>
            </p:txBody>
          </p:sp>
          <p:sp>
            <p:nvSpPr>
              <p:cNvPr id="81" name="Graphic 2">
                <a:extLst>
                  <a:ext uri="{FF2B5EF4-FFF2-40B4-BE49-F238E27FC236}">
                    <a16:creationId xmlns:a16="http://schemas.microsoft.com/office/drawing/2014/main" id="{30237B86-6A3A-440C-BBA3-D153C9B023BB}"/>
                  </a:ext>
                  <a:ext uri="{C183D7F6-B498-43B3-948B-1728B52AA6E4}">
                    <adec:decorative xmlns:adec="http://schemas.microsoft.com/office/drawing/2017/decorative" val="1"/>
                  </a:ext>
                </a:extLst>
              </p:cNvPr>
              <p:cNvSpPr/>
              <p:nvPr/>
            </p:nvSpPr>
            <p:spPr>
              <a:xfrm>
                <a:off x="1795272" y="2888583"/>
                <a:ext cx="392429" cy="419195"/>
              </a:xfrm>
              <a:custGeom>
                <a:avLst/>
                <a:gdLst>
                  <a:gd name="connsiteX0" fmla="*/ 9525 w 392429"/>
                  <a:gd name="connsiteY0" fmla="*/ 418910 h 419195"/>
                  <a:gd name="connsiteX1" fmla="*/ 0 w 392429"/>
                  <a:gd name="connsiteY1" fmla="*/ 409956 h 419195"/>
                  <a:gd name="connsiteX2" fmla="*/ 0 w 392429"/>
                  <a:gd name="connsiteY2" fmla="*/ 329660 h 419195"/>
                  <a:gd name="connsiteX3" fmla="*/ 9525 w 392429"/>
                  <a:gd name="connsiteY3" fmla="*/ 320707 h 419195"/>
                  <a:gd name="connsiteX4" fmla="*/ 62960 w 392429"/>
                  <a:gd name="connsiteY4" fmla="*/ 320707 h 419195"/>
                  <a:gd name="connsiteX5" fmla="*/ 67342 w 392429"/>
                  <a:gd name="connsiteY5" fmla="*/ 316325 h 419195"/>
                  <a:gd name="connsiteX6" fmla="*/ 67342 w 392429"/>
                  <a:gd name="connsiteY6" fmla="*/ 276225 h 419195"/>
                  <a:gd name="connsiteX7" fmla="*/ 62960 w 392429"/>
                  <a:gd name="connsiteY7" fmla="*/ 271844 h 419195"/>
                  <a:gd name="connsiteX8" fmla="*/ 36195 w 392429"/>
                  <a:gd name="connsiteY8" fmla="*/ 271844 h 419195"/>
                  <a:gd name="connsiteX9" fmla="*/ 27241 w 392429"/>
                  <a:gd name="connsiteY9" fmla="*/ 262890 h 419195"/>
                  <a:gd name="connsiteX10" fmla="*/ 27241 w 392429"/>
                  <a:gd name="connsiteY10" fmla="*/ 196215 h 419195"/>
                  <a:gd name="connsiteX11" fmla="*/ 36195 w 392429"/>
                  <a:gd name="connsiteY11" fmla="*/ 187166 h 419195"/>
                  <a:gd name="connsiteX12" fmla="*/ 62960 w 392429"/>
                  <a:gd name="connsiteY12" fmla="*/ 187166 h 419195"/>
                  <a:gd name="connsiteX13" fmla="*/ 67342 w 392429"/>
                  <a:gd name="connsiteY13" fmla="*/ 182785 h 419195"/>
                  <a:gd name="connsiteX14" fmla="*/ 67342 w 392429"/>
                  <a:gd name="connsiteY14" fmla="*/ 142685 h 419195"/>
                  <a:gd name="connsiteX15" fmla="*/ 76295 w 392429"/>
                  <a:gd name="connsiteY15" fmla="*/ 133731 h 419195"/>
                  <a:gd name="connsiteX16" fmla="*/ 196691 w 392429"/>
                  <a:gd name="connsiteY16" fmla="*/ 133731 h 419195"/>
                  <a:gd name="connsiteX17" fmla="*/ 201073 w 392429"/>
                  <a:gd name="connsiteY17" fmla="*/ 129350 h 419195"/>
                  <a:gd name="connsiteX18" fmla="*/ 201073 w 392429"/>
                  <a:gd name="connsiteY18" fmla="*/ 102584 h 419195"/>
                  <a:gd name="connsiteX19" fmla="*/ 196691 w 392429"/>
                  <a:gd name="connsiteY19" fmla="*/ 98203 h 419195"/>
                  <a:gd name="connsiteX20" fmla="*/ 143161 w 392429"/>
                  <a:gd name="connsiteY20" fmla="*/ 98203 h 419195"/>
                  <a:gd name="connsiteX21" fmla="*/ 134207 w 392429"/>
                  <a:gd name="connsiteY21" fmla="*/ 89249 h 419195"/>
                  <a:gd name="connsiteX22" fmla="*/ 134207 w 392429"/>
                  <a:gd name="connsiteY22" fmla="*/ 8954 h 419195"/>
                  <a:gd name="connsiteX23" fmla="*/ 143161 w 392429"/>
                  <a:gd name="connsiteY23" fmla="*/ 0 h 419195"/>
                  <a:gd name="connsiteX24" fmla="*/ 276511 w 392429"/>
                  <a:gd name="connsiteY24" fmla="*/ 0 h 419195"/>
                  <a:gd name="connsiteX25" fmla="*/ 285464 w 392429"/>
                  <a:gd name="connsiteY25" fmla="*/ 8954 h 419195"/>
                  <a:gd name="connsiteX26" fmla="*/ 285464 w 392429"/>
                  <a:gd name="connsiteY26" fmla="*/ 89249 h 419195"/>
                  <a:gd name="connsiteX27" fmla="*/ 276511 w 392429"/>
                  <a:gd name="connsiteY27" fmla="*/ 98203 h 419195"/>
                  <a:gd name="connsiteX28" fmla="*/ 223075 w 392429"/>
                  <a:gd name="connsiteY28" fmla="*/ 98203 h 419195"/>
                  <a:gd name="connsiteX29" fmla="*/ 218694 w 392429"/>
                  <a:gd name="connsiteY29" fmla="*/ 102584 h 419195"/>
                  <a:gd name="connsiteX30" fmla="*/ 218694 w 392429"/>
                  <a:gd name="connsiteY30" fmla="*/ 129350 h 419195"/>
                  <a:gd name="connsiteX31" fmla="*/ 223075 w 392429"/>
                  <a:gd name="connsiteY31" fmla="*/ 133731 h 419195"/>
                  <a:gd name="connsiteX32" fmla="*/ 343376 w 392429"/>
                  <a:gd name="connsiteY32" fmla="*/ 133731 h 419195"/>
                  <a:gd name="connsiteX33" fmla="*/ 352330 w 392429"/>
                  <a:gd name="connsiteY33" fmla="*/ 142685 h 419195"/>
                  <a:gd name="connsiteX34" fmla="*/ 352330 w 392429"/>
                  <a:gd name="connsiteY34" fmla="*/ 182785 h 419195"/>
                  <a:gd name="connsiteX35" fmla="*/ 356711 w 392429"/>
                  <a:gd name="connsiteY35" fmla="*/ 187166 h 419195"/>
                  <a:gd name="connsiteX36" fmla="*/ 383477 w 392429"/>
                  <a:gd name="connsiteY36" fmla="*/ 187166 h 419195"/>
                  <a:gd name="connsiteX37" fmla="*/ 392430 w 392429"/>
                  <a:gd name="connsiteY37" fmla="*/ 196215 h 419195"/>
                  <a:gd name="connsiteX38" fmla="*/ 392430 w 392429"/>
                  <a:gd name="connsiteY38" fmla="*/ 249650 h 419195"/>
                  <a:gd name="connsiteX39" fmla="*/ 383477 w 392429"/>
                  <a:gd name="connsiteY39" fmla="*/ 258604 h 419195"/>
                  <a:gd name="connsiteX40" fmla="*/ 374523 w 392429"/>
                  <a:gd name="connsiteY40" fmla="*/ 249650 h 419195"/>
                  <a:gd name="connsiteX41" fmla="*/ 374523 w 392429"/>
                  <a:gd name="connsiteY41" fmla="*/ 209550 h 419195"/>
                  <a:gd name="connsiteX42" fmla="*/ 370141 w 392429"/>
                  <a:gd name="connsiteY42" fmla="*/ 205169 h 419195"/>
                  <a:gd name="connsiteX43" fmla="*/ 316611 w 392429"/>
                  <a:gd name="connsiteY43" fmla="*/ 205169 h 419195"/>
                  <a:gd name="connsiteX44" fmla="*/ 312229 w 392429"/>
                  <a:gd name="connsiteY44" fmla="*/ 209550 h 419195"/>
                  <a:gd name="connsiteX45" fmla="*/ 312229 w 392429"/>
                  <a:gd name="connsiteY45" fmla="*/ 229267 h 419195"/>
                  <a:gd name="connsiteX46" fmla="*/ 303276 w 392429"/>
                  <a:gd name="connsiteY46" fmla="*/ 238220 h 419195"/>
                  <a:gd name="connsiteX47" fmla="*/ 294323 w 392429"/>
                  <a:gd name="connsiteY47" fmla="*/ 229267 h 419195"/>
                  <a:gd name="connsiteX48" fmla="*/ 294323 w 392429"/>
                  <a:gd name="connsiteY48" fmla="*/ 195834 h 419195"/>
                  <a:gd name="connsiteX49" fmla="*/ 303276 w 392429"/>
                  <a:gd name="connsiteY49" fmla="*/ 186785 h 419195"/>
                  <a:gd name="connsiteX50" fmla="*/ 330041 w 392429"/>
                  <a:gd name="connsiteY50" fmla="*/ 186785 h 419195"/>
                  <a:gd name="connsiteX51" fmla="*/ 334423 w 392429"/>
                  <a:gd name="connsiteY51" fmla="*/ 182404 h 419195"/>
                  <a:gd name="connsiteX52" fmla="*/ 334423 w 392429"/>
                  <a:gd name="connsiteY52" fmla="*/ 155734 h 419195"/>
                  <a:gd name="connsiteX53" fmla="*/ 330041 w 392429"/>
                  <a:gd name="connsiteY53" fmla="*/ 151257 h 419195"/>
                  <a:gd name="connsiteX54" fmla="*/ 223456 w 392429"/>
                  <a:gd name="connsiteY54" fmla="*/ 151257 h 419195"/>
                  <a:gd name="connsiteX55" fmla="*/ 219075 w 392429"/>
                  <a:gd name="connsiteY55" fmla="*/ 155639 h 419195"/>
                  <a:gd name="connsiteX56" fmla="*/ 219075 w 392429"/>
                  <a:gd name="connsiteY56" fmla="*/ 155734 h 419195"/>
                  <a:gd name="connsiteX57" fmla="*/ 219075 w 392429"/>
                  <a:gd name="connsiteY57" fmla="*/ 182404 h 419195"/>
                  <a:gd name="connsiteX58" fmla="*/ 223266 w 392429"/>
                  <a:gd name="connsiteY58" fmla="*/ 186785 h 419195"/>
                  <a:gd name="connsiteX59" fmla="*/ 223456 w 392429"/>
                  <a:gd name="connsiteY59" fmla="*/ 186785 h 419195"/>
                  <a:gd name="connsiteX60" fmla="*/ 250127 w 392429"/>
                  <a:gd name="connsiteY60" fmla="*/ 186785 h 419195"/>
                  <a:gd name="connsiteX61" fmla="*/ 259175 w 392429"/>
                  <a:gd name="connsiteY61" fmla="*/ 195834 h 419195"/>
                  <a:gd name="connsiteX62" fmla="*/ 259175 w 392429"/>
                  <a:gd name="connsiteY62" fmla="*/ 262509 h 419195"/>
                  <a:gd name="connsiteX63" fmla="*/ 250127 w 392429"/>
                  <a:gd name="connsiteY63" fmla="*/ 271463 h 419195"/>
                  <a:gd name="connsiteX64" fmla="*/ 223456 w 392429"/>
                  <a:gd name="connsiteY64" fmla="*/ 271463 h 419195"/>
                  <a:gd name="connsiteX65" fmla="*/ 219075 w 392429"/>
                  <a:gd name="connsiteY65" fmla="*/ 275844 h 419195"/>
                  <a:gd name="connsiteX66" fmla="*/ 219075 w 392429"/>
                  <a:gd name="connsiteY66" fmla="*/ 369475 h 419195"/>
                  <a:gd name="connsiteX67" fmla="*/ 210026 w 392429"/>
                  <a:gd name="connsiteY67" fmla="*/ 378428 h 419195"/>
                  <a:gd name="connsiteX68" fmla="*/ 169926 w 392429"/>
                  <a:gd name="connsiteY68" fmla="*/ 378428 h 419195"/>
                  <a:gd name="connsiteX69" fmla="*/ 165544 w 392429"/>
                  <a:gd name="connsiteY69" fmla="*/ 382810 h 419195"/>
                  <a:gd name="connsiteX70" fmla="*/ 165544 w 392429"/>
                  <a:gd name="connsiteY70" fmla="*/ 410242 h 419195"/>
                  <a:gd name="connsiteX71" fmla="*/ 156591 w 392429"/>
                  <a:gd name="connsiteY71" fmla="*/ 419195 h 419195"/>
                  <a:gd name="connsiteX72" fmla="*/ 22860 w 392429"/>
                  <a:gd name="connsiteY72" fmla="*/ 338709 h 419195"/>
                  <a:gd name="connsiteX73" fmla="*/ 18478 w 392429"/>
                  <a:gd name="connsiteY73" fmla="*/ 342900 h 419195"/>
                  <a:gd name="connsiteX74" fmla="*/ 18478 w 392429"/>
                  <a:gd name="connsiteY74" fmla="*/ 343091 h 419195"/>
                  <a:gd name="connsiteX75" fmla="*/ 18478 w 392429"/>
                  <a:gd name="connsiteY75" fmla="*/ 396526 h 419195"/>
                  <a:gd name="connsiteX76" fmla="*/ 22669 w 392429"/>
                  <a:gd name="connsiteY76" fmla="*/ 400907 h 419195"/>
                  <a:gd name="connsiteX77" fmla="*/ 22860 w 392429"/>
                  <a:gd name="connsiteY77" fmla="*/ 400907 h 419195"/>
                  <a:gd name="connsiteX78" fmla="*/ 143161 w 392429"/>
                  <a:gd name="connsiteY78" fmla="*/ 400907 h 419195"/>
                  <a:gd name="connsiteX79" fmla="*/ 147542 w 392429"/>
                  <a:gd name="connsiteY79" fmla="*/ 396716 h 419195"/>
                  <a:gd name="connsiteX80" fmla="*/ 147542 w 392429"/>
                  <a:gd name="connsiteY80" fmla="*/ 396526 h 419195"/>
                  <a:gd name="connsiteX81" fmla="*/ 147542 w 392429"/>
                  <a:gd name="connsiteY81" fmla="*/ 343567 h 419195"/>
                  <a:gd name="connsiteX82" fmla="*/ 143351 w 392429"/>
                  <a:gd name="connsiteY82" fmla="*/ 339185 h 419195"/>
                  <a:gd name="connsiteX83" fmla="*/ 143161 w 392429"/>
                  <a:gd name="connsiteY83" fmla="*/ 339185 h 419195"/>
                  <a:gd name="connsiteX84" fmla="*/ 89535 w 392429"/>
                  <a:gd name="connsiteY84" fmla="*/ 272034 h 419195"/>
                  <a:gd name="connsiteX85" fmla="*/ 85153 w 392429"/>
                  <a:gd name="connsiteY85" fmla="*/ 276416 h 419195"/>
                  <a:gd name="connsiteX86" fmla="*/ 85153 w 392429"/>
                  <a:gd name="connsiteY86" fmla="*/ 316516 h 419195"/>
                  <a:gd name="connsiteX87" fmla="*/ 89344 w 392429"/>
                  <a:gd name="connsiteY87" fmla="*/ 320897 h 419195"/>
                  <a:gd name="connsiteX88" fmla="*/ 89535 w 392429"/>
                  <a:gd name="connsiteY88" fmla="*/ 320897 h 419195"/>
                  <a:gd name="connsiteX89" fmla="*/ 156210 w 392429"/>
                  <a:gd name="connsiteY89" fmla="*/ 320897 h 419195"/>
                  <a:gd name="connsiteX90" fmla="*/ 165164 w 392429"/>
                  <a:gd name="connsiteY90" fmla="*/ 329851 h 419195"/>
                  <a:gd name="connsiteX91" fmla="*/ 165164 w 392429"/>
                  <a:gd name="connsiteY91" fmla="*/ 356616 h 419195"/>
                  <a:gd name="connsiteX92" fmla="*/ 169545 w 392429"/>
                  <a:gd name="connsiteY92" fmla="*/ 360998 h 419195"/>
                  <a:gd name="connsiteX93" fmla="*/ 196310 w 392429"/>
                  <a:gd name="connsiteY93" fmla="*/ 360998 h 419195"/>
                  <a:gd name="connsiteX94" fmla="*/ 200692 w 392429"/>
                  <a:gd name="connsiteY94" fmla="*/ 356616 h 419195"/>
                  <a:gd name="connsiteX95" fmla="*/ 200692 w 392429"/>
                  <a:gd name="connsiteY95" fmla="*/ 276416 h 419195"/>
                  <a:gd name="connsiteX96" fmla="*/ 196310 w 392429"/>
                  <a:gd name="connsiteY96" fmla="*/ 272034 h 419195"/>
                  <a:gd name="connsiteX97" fmla="*/ 169545 w 392429"/>
                  <a:gd name="connsiteY97" fmla="*/ 272034 h 419195"/>
                  <a:gd name="connsiteX98" fmla="*/ 160591 w 392429"/>
                  <a:gd name="connsiteY98" fmla="*/ 263081 h 419195"/>
                  <a:gd name="connsiteX99" fmla="*/ 160591 w 392429"/>
                  <a:gd name="connsiteY99" fmla="*/ 196406 h 419195"/>
                  <a:gd name="connsiteX100" fmla="*/ 169545 w 392429"/>
                  <a:gd name="connsiteY100" fmla="*/ 187357 h 419195"/>
                  <a:gd name="connsiteX101" fmla="*/ 196310 w 392429"/>
                  <a:gd name="connsiteY101" fmla="*/ 187357 h 419195"/>
                  <a:gd name="connsiteX102" fmla="*/ 200692 w 392429"/>
                  <a:gd name="connsiteY102" fmla="*/ 182975 h 419195"/>
                  <a:gd name="connsiteX103" fmla="*/ 200692 w 392429"/>
                  <a:gd name="connsiteY103" fmla="*/ 156305 h 419195"/>
                  <a:gd name="connsiteX104" fmla="*/ 196310 w 392429"/>
                  <a:gd name="connsiteY104" fmla="*/ 151829 h 419195"/>
                  <a:gd name="connsiteX105" fmla="*/ 89725 w 392429"/>
                  <a:gd name="connsiteY105" fmla="*/ 151829 h 419195"/>
                  <a:gd name="connsiteX106" fmla="*/ 85344 w 392429"/>
                  <a:gd name="connsiteY106" fmla="*/ 156210 h 419195"/>
                  <a:gd name="connsiteX107" fmla="*/ 85344 w 392429"/>
                  <a:gd name="connsiteY107" fmla="*/ 156305 h 419195"/>
                  <a:gd name="connsiteX108" fmla="*/ 85344 w 392429"/>
                  <a:gd name="connsiteY108" fmla="*/ 182975 h 419195"/>
                  <a:gd name="connsiteX109" fmla="*/ 89535 w 392429"/>
                  <a:gd name="connsiteY109" fmla="*/ 187357 h 419195"/>
                  <a:gd name="connsiteX110" fmla="*/ 89725 w 392429"/>
                  <a:gd name="connsiteY110" fmla="*/ 187357 h 419195"/>
                  <a:gd name="connsiteX111" fmla="*/ 116491 w 392429"/>
                  <a:gd name="connsiteY111" fmla="*/ 187357 h 419195"/>
                  <a:gd name="connsiteX112" fmla="*/ 125444 w 392429"/>
                  <a:gd name="connsiteY112" fmla="*/ 196406 h 419195"/>
                  <a:gd name="connsiteX113" fmla="*/ 125444 w 392429"/>
                  <a:gd name="connsiteY113" fmla="*/ 263081 h 419195"/>
                  <a:gd name="connsiteX114" fmla="*/ 116491 w 392429"/>
                  <a:gd name="connsiteY114" fmla="*/ 272034 h 419195"/>
                  <a:gd name="connsiteX115" fmla="*/ 183070 w 392429"/>
                  <a:gd name="connsiteY115" fmla="*/ 205359 h 419195"/>
                  <a:gd name="connsiteX116" fmla="*/ 178689 w 392429"/>
                  <a:gd name="connsiteY116" fmla="*/ 209741 h 419195"/>
                  <a:gd name="connsiteX117" fmla="*/ 178689 w 392429"/>
                  <a:gd name="connsiteY117" fmla="*/ 249841 h 419195"/>
                  <a:gd name="connsiteX118" fmla="*/ 183070 w 392429"/>
                  <a:gd name="connsiteY118" fmla="*/ 254222 h 419195"/>
                  <a:gd name="connsiteX119" fmla="*/ 236601 w 392429"/>
                  <a:gd name="connsiteY119" fmla="*/ 254222 h 419195"/>
                  <a:gd name="connsiteX120" fmla="*/ 240982 w 392429"/>
                  <a:gd name="connsiteY120" fmla="*/ 249841 h 419195"/>
                  <a:gd name="connsiteX121" fmla="*/ 240982 w 392429"/>
                  <a:gd name="connsiteY121" fmla="*/ 209741 h 419195"/>
                  <a:gd name="connsiteX122" fmla="*/ 236601 w 392429"/>
                  <a:gd name="connsiteY122" fmla="*/ 205359 h 419195"/>
                  <a:gd name="connsiteX123" fmla="*/ 49720 w 392429"/>
                  <a:gd name="connsiteY123" fmla="*/ 205359 h 419195"/>
                  <a:gd name="connsiteX124" fmla="*/ 45339 w 392429"/>
                  <a:gd name="connsiteY124" fmla="*/ 209741 h 419195"/>
                  <a:gd name="connsiteX125" fmla="*/ 45339 w 392429"/>
                  <a:gd name="connsiteY125" fmla="*/ 249841 h 419195"/>
                  <a:gd name="connsiteX126" fmla="*/ 49530 w 392429"/>
                  <a:gd name="connsiteY126" fmla="*/ 254222 h 419195"/>
                  <a:gd name="connsiteX127" fmla="*/ 49720 w 392429"/>
                  <a:gd name="connsiteY127" fmla="*/ 254222 h 419195"/>
                  <a:gd name="connsiteX128" fmla="*/ 103156 w 392429"/>
                  <a:gd name="connsiteY128" fmla="*/ 254222 h 419195"/>
                  <a:gd name="connsiteX129" fmla="*/ 107537 w 392429"/>
                  <a:gd name="connsiteY129" fmla="*/ 250031 h 419195"/>
                  <a:gd name="connsiteX130" fmla="*/ 107537 w 392429"/>
                  <a:gd name="connsiteY130" fmla="*/ 249841 h 419195"/>
                  <a:gd name="connsiteX131" fmla="*/ 107537 w 392429"/>
                  <a:gd name="connsiteY131" fmla="*/ 209741 h 419195"/>
                  <a:gd name="connsiteX132" fmla="*/ 103156 w 392429"/>
                  <a:gd name="connsiteY132" fmla="*/ 205359 h 419195"/>
                  <a:gd name="connsiteX133" fmla="*/ 156686 w 392429"/>
                  <a:gd name="connsiteY133" fmla="*/ 18193 h 419195"/>
                  <a:gd name="connsiteX134" fmla="*/ 152305 w 392429"/>
                  <a:gd name="connsiteY134" fmla="*/ 22384 h 419195"/>
                  <a:gd name="connsiteX135" fmla="*/ 152305 w 392429"/>
                  <a:gd name="connsiteY135" fmla="*/ 22574 h 419195"/>
                  <a:gd name="connsiteX136" fmla="*/ 152305 w 392429"/>
                  <a:gd name="connsiteY136" fmla="*/ 76010 h 419195"/>
                  <a:gd name="connsiteX137" fmla="*/ 156496 w 392429"/>
                  <a:gd name="connsiteY137" fmla="*/ 80391 h 419195"/>
                  <a:gd name="connsiteX138" fmla="*/ 156686 w 392429"/>
                  <a:gd name="connsiteY138" fmla="*/ 80391 h 419195"/>
                  <a:gd name="connsiteX139" fmla="*/ 263652 w 392429"/>
                  <a:gd name="connsiteY139" fmla="*/ 80391 h 419195"/>
                  <a:gd name="connsiteX140" fmla="*/ 268033 w 392429"/>
                  <a:gd name="connsiteY140" fmla="*/ 76010 h 419195"/>
                  <a:gd name="connsiteX141" fmla="*/ 268033 w 392429"/>
                  <a:gd name="connsiteY141" fmla="*/ 22574 h 419195"/>
                  <a:gd name="connsiteX142" fmla="*/ 263652 w 392429"/>
                  <a:gd name="connsiteY142" fmla="*/ 18193 h 4191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Lst>
                <a:rect l="l" t="t" r="r" b="b"/>
                <a:pathLst>
                  <a:path w="392429" h="419195">
                    <a:moveTo>
                      <a:pt x="9525" y="418910"/>
                    </a:moveTo>
                    <a:cubicBezTo>
                      <a:pt x="4477" y="418919"/>
                      <a:pt x="305" y="414995"/>
                      <a:pt x="0" y="409956"/>
                    </a:cubicBezTo>
                    <a:lnTo>
                      <a:pt x="0" y="329660"/>
                    </a:lnTo>
                    <a:cubicBezTo>
                      <a:pt x="305" y="324622"/>
                      <a:pt x="4477" y="320697"/>
                      <a:pt x="9525" y="320707"/>
                    </a:cubicBezTo>
                    <a:lnTo>
                      <a:pt x="62960" y="320707"/>
                    </a:lnTo>
                    <a:cubicBezTo>
                      <a:pt x="65380" y="320707"/>
                      <a:pt x="67342" y="318745"/>
                      <a:pt x="67342" y="316325"/>
                    </a:cubicBezTo>
                    <a:lnTo>
                      <a:pt x="67342" y="276225"/>
                    </a:lnTo>
                    <a:cubicBezTo>
                      <a:pt x="67294" y="273825"/>
                      <a:pt x="65361" y="271891"/>
                      <a:pt x="62960" y="271844"/>
                    </a:cubicBezTo>
                    <a:lnTo>
                      <a:pt x="36195" y="271844"/>
                    </a:lnTo>
                    <a:cubicBezTo>
                      <a:pt x="31252" y="271844"/>
                      <a:pt x="27241" y="267834"/>
                      <a:pt x="27241" y="262890"/>
                    </a:cubicBezTo>
                    <a:lnTo>
                      <a:pt x="27241" y="196215"/>
                    </a:lnTo>
                    <a:cubicBezTo>
                      <a:pt x="27480" y="191357"/>
                      <a:pt x="31337" y="187452"/>
                      <a:pt x="36195" y="187166"/>
                    </a:cubicBezTo>
                    <a:lnTo>
                      <a:pt x="62960" y="187166"/>
                    </a:lnTo>
                    <a:cubicBezTo>
                      <a:pt x="65380" y="187166"/>
                      <a:pt x="67342" y="185204"/>
                      <a:pt x="67342" y="182785"/>
                    </a:cubicBezTo>
                    <a:lnTo>
                      <a:pt x="67342" y="142685"/>
                    </a:lnTo>
                    <a:cubicBezTo>
                      <a:pt x="67342" y="137741"/>
                      <a:pt x="71352" y="133731"/>
                      <a:pt x="76295" y="133731"/>
                    </a:cubicBezTo>
                    <a:lnTo>
                      <a:pt x="196691" y="133731"/>
                    </a:lnTo>
                    <a:cubicBezTo>
                      <a:pt x="199092" y="133683"/>
                      <a:pt x="201025" y="131750"/>
                      <a:pt x="201073" y="129350"/>
                    </a:cubicBezTo>
                    <a:lnTo>
                      <a:pt x="201073" y="102584"/>
                    </a:lnTo>
                    <a:cubicBezTo>
                      <a:pt x="201025" y="100184"/>
                      <a:pt x="199092" y="98250"/>
                      <a:pt x="196691" y="98203"/>
                    </a:cubicBezTo>
                    <a:lnTo>
                      <a:pt x="143161" y="98203"/>
                    </a:lnTo>
                    <a:cubicBezTo>
                      <a:pt x="138217" y="98203"/>
                      <a:pt x="134207" y="94193"/>
                      <a:pt x="134207" y="89249"/>
                    </a:cubicBezTo>
                    <a:lnTo>
                      <a:pt x="134207" y="8954"/>
                    </a:lnTo>
                    <a:cubicBezTo>
                      <a:pt x="134207" y="4010"/>
                      <a:pt x="138217" y="0"/>
                      <a:pt x="143161" y="0"/>
                    </a:cubicBezTo>
                    <a:lnTo>
                      <a:pt x="276511" y="0"/>
                    </a:lnTo>
                    <a:cubicBezTo>
                      <a:pt x="281454" y="0"/>
                      <a:pt x="285464" y="4010"/>
                      <a:pt x="285464" y="8954"/>
                    </a:cubicBezTo>
                    <a:lnTo>
                      <a:pt x="285464" y="89249"/>
                    </a:lnTo>
                    <a:cubicBezTo>
                      <a:pt x="285464" y="94193"/>
                      <a:pt x="281454" y="98203"/>
                      <a:pt x="276511" y="98203"/>
                    </a:cubicBezTo>
                    <a:lnTo>
                      <a:pt x="223075" y="98203"/>
                    </a:lnTo>
                    <a:cubicBezTo>
                      <a:pt x="220656" y="98203"/>
                      <a:pt x="218694" y="100165"/>
                      <a:pt x="218694" y="102584"/>
                    </a:cubicBezTo>
                    <a:lnTo>
                      <a:pt x="218694" y="129350"/>
                    </a:lnTo>
                    <a:cubicBezTo>
                      <a:pt x="218694" y="131769"/>
                      <a:pt x="220656" y="133731"/>
                      <a:pt x="223075" y="133731"/>
                    </a:cubicBezTo>
                    <a:lnTo>
                      <a:pt x="343376" y="133731"/>
                    </a:lnTo>
                    <a:cubicBezTo>
                      <a:pt x="348320" y="133731"/>
                      <a:pt x="352330" y="137741"/>
                      <a:pt x="352330" y="142685"/>
                    </a:cubicBezTo>
                    <a:lnTo>
                      <a:pt x="352330" y="182785"/>
                    </a:lnTo>
                    <a:cubicBezTo>
                      <a:pt x="352330" y="185204"/>
                      <a:pt x="354292" y="187166"/>
                      <a:pt x="356711" y="187166"/>
                    </a:cubicBezTo>
                    <a:lnTo>
                      <a:pt x="383477" y="187166"/>
                    </a:lnTo>
                    <a:cubicBezTo>
                      <a:pt x="388334" y="187452"/>
                      <a:pt x="392192" y="191357"/>
                      <a:pt x="392430" y="196215"/>
                    </a:cubicBezTo>
                    <a:lnTo>
                      <a:pt x="392430" y="249650"/>
                    </a:lnTo>
                    <a:cubicBezTo>
                      <a:pt x="392430" y="254594"/>
                      <a:pt x="388420" y="258604"/>
                      <a:pt x="383477" y="258604"/>
                    </a:cubicBezTo>
                    <a:cubicBezTo>
                      <a:pt x="378533" y="258604"/>
                      <a:pt x="374523" y="254594"/>
                      <a:pt x="374523" y="249650"/>
                    </a:cubicBezTo>
                    <a:lnTo>
                      <a:pt x="374523" y="209550"/>
                    </a:lnTo>
                    <a:cubicBezTo>
                      <a:pt x="374475" y="207150"/>
                      <a:pt x="372542" y="205216"/>
                      <a:pt x="370141" y="205169"/>
                    </a:cubicBezTo>
                    <a:lnTo>
                      <a:pt x="316611" y="205169"/>
                    </a:lnTo>
                    <a:cubicBezTo>
                      <a:pt x="314211" y="205216"/>
                      <a:pt x="312277" y="207150"/>
                      <a:pt x="312229" y="209550"/>
                    </a:cubicBezTo>
                    <a:lnTo>
                      <a:pt x="312229" y="229267"/>
                    </a:lnTo>
                    <a:cubicBezTo>
                      <a:pt x="312229" y="234210"/>
                      <a:pt x="308220" y="238220"/>
                      <a:pt x="303276" y="238220"/>
                    </a:cubicBezTo>
                    <a:cubicBezTo>
                      <a:pt x="298332" y="238220"/>
                      <a:pt x="294323" y="234210"/>
                      <a:pt x="294323" y="229267"/>
                    </a:cubicBezTo>
                    <a:lnTo>
                      <a:pt x="294323" y="195834"/>
                    </a:lnTo>
                    <a:cubicBezTo>
                      <a:pt x="294561" y="190976"/>
                      <a:pt x="298418" y="187071"/>
                      <a:pt x="303276" y="186785"/>
                    </a:cubicBezTo>
                    <a:lnTo>
                      <a:pt x="330041" y="186785"/>
                    </a:lnTo>
                    <a:cubicBezTo>
                      <a:pt x="332461" y="186785"/>
                      <a:pt x="334423" y="184823"/>
                      <a:pt x="334423" y="182404"/>
                    </a:cubicBezTo>
                    <a:lnTo>
                      <a:pt x="334423" y="155734"/>
                    </a:lnTo>
                    <a:cubicBezTo>
                      <a:pt x="334423" y="153295"/>
                      <a:pt x="332480" y="151305"/>
                      <a:pt x="330041" y="151257"/>
                    </a:cubicBezTo>
                    <a:lnTo>
                      <a:pt x="223456" y="151257"/>
                    </a:lnTo>
                    <a:cubicBezTo>
                      <a:pt x="221037" y="151257"/>
                      <a:pt x="219075" y="153219"/>
                      <a:pt x="219075" y="155639"/>
                    </a:cubicBezTo>
                    <a:cubicBezTo>
                      <a:pt x="219075" y="155667"/>
                      <a:pt x="219075" y="155705"/>
                      <a:pt x="219075" y="155734"/>
                    </a:cubicBezTo>
                    <a:lnTo>
                      <a:pt x="219075" y="182404"/>
                    </a:lnTo>
                    <a:cubicBezTo>
                      <a:pt x="219018" y="184766"/>
                      <a:pt x="220894" y="186728"/>
                      <a:pt x="223266" y="186785"/>
                    </a:cubicBezTo>
                    <a:cubicBezTo>
                      <a:pt x="223333" y="186785"/>
                      <a:pt x="223390" y="186785"/>
                      <a:pt x="223456" y="186785"/>
                    </a:cubicBezTo>
                    <a:lnTo>
                      <a:pt x="250127" y="186785"/>
                    </a:lnTo>
                    <a:cubicBezTo>
                      <a:pt x="255022" y="187023"/>
                      <a:pt x="258937" y="190938"/>
                      <a:pt x="259175" y="195834"/>
                    </a:cubicBezTo>
                    <a:lnTo>
                      <a:pt x="259175" y="262509"/>
                    </a:lnTo>
                    <a:cubicBezTo>
                      <a:pt x="258890" y="267367"/>
                      <a:pt x="254984" y="271224"/>
                      <a:pt x="250127" y="271463"/>
                    </a:cubicBezTo>
                    <a:lnTo>
                      <a:pt x="223456" y="271463"/>
                    </a:lnTo>
                    <a:cubicBezTo>
                      <a:pt x="221037" y="271463"/>
                      <a:pt x="219075" y="273425"/>
                      <a:pt x="219075" y="275844"/>
                    </a:cubicBezTo>
                    <a:lnTo>
                      <a:pt x="219075" y="369475"/>
                    </a:lnTo>
                    <a:cubicBezTo>
                      <a:pt x="218789" y="374333"/>
                      <a:pt x="214884" y="378190"/>
                      <a:pt x="210026" y="378428"/>
                    </a:cubicBezTo>
                    <a:lnTo>
                      <a:pt x="169926" y="378428"/>
                    </a:lnTo>
                    <a:cubicBezTo>
                      <a:pt x="167526" y="378476"/>
                      <a:pt x="165592" y="380409"/>
                      <a:pt x="165544" y="382810"/>
                    </a:cubicBezTo>
                    <a:lnTo>
                      <a:pt x="165544" y="410242"/>
                    </a:lnTo>
                    <a:cubicBezTo>
                      <a:pt x="165544" y="415185"/>
                      <a:pt x="161534" y="419195"/>
                      <a:pt x="156591" y="419195"/>
                    </a:cubicBezTo>
                    <a:close/>
                    <a:moveTo>
                      <a:pt x="22860" y="338709"/>
                    </a:moveTo>
                    <a:cubicBezTo>
                      <a:pt x="20498" y="338652"/>
                      <a:pt x="18536" y="340528"/>
                      <a:pt x="18478" y="342900"/>
                    </a:cubicBezTo>
                    <a:cubicBezTo>
                      <a:pt x="18478" y="342967"/>
                      <a:pt x="18478" y="343024"/>
                      <a:pt x="18478" y="343091"/>
                    </a:cubicBezTo>
                    <a:lnTo>
                      <a:pt x="18478" y="396526"/>
                    </a:lnTo>
                    <a:cubicBezTo>
                      <a:pt x="18421" y="398888"/>
                      <a:pt x="20298" y="400850"/>
                      <a:pt x="22669" y="400907"/>
                    </a:cubicBezTo>
                    <a:cubicBezTo>
                      <a:pt x="22736" y="400907"/>
                      <a:pt x="22793" y="400907"/>
                      <a:pt x="22860" y="400907"/>
                    </a:cubicBezTo>
                    <a:lnTo>
                      <a:pt x="143161" y="400907"/>
                    </a:lnTo>
                    <a:cubicBezTo>
                      <a:pt x="145523" y="400964"/>
                      <a:pt x="147485" y="399088"/>
                      <a:pt x="147542" y="396716"/>
                    </a:cubicBezTo>
                    <a:cubicBezTo>
                      <a:pt x="147542" y="396650"/>
                      <a:pt x="147542" y="396593"/>
                      <a:pt x="147542" y="396526"/>
                    </a:cubicBezTo>
                    <a:lnTo>
                      <a:pt x="147542" y="343567"/>
                    </a:lnTo>
                    <a:cubicBezTo>
                      <a:pt x="147599" y="341205"/>
                      <a:pt x="145723" y="339243"/>
                      <a:pt x="143351" y="339185"/>
                    </a:cubicBezTo>
                    <a:cubicBezTo>
                      <a:pt x="143285" y="339185"/>
                      <a:pt x="143227" y="339185"/>
                      <a:pt x="143161" y="339185"/>
                    </a:cubicBezTo>
                    <a:close/>
                    <a:moveTo>
                      <a:pt x="89535" y="272034"/>
                    </a:moveTo>
                    <a:cubicBezTo>
                      <a:pt x="87116" y="272034"/>
                      <a:pt x="85153" y="273996"/>
                      <a:pt x="85153" y="276416"/>
                    </a:cubicBezTo>
                    <a:lnTo>
                      <a:pt x="85153" y="316516"/>
                    </a:lnTo>
                    <a:cubicBezTo>
                      <a:pt x="85096" y="318878"/>
                      <a:pt x="86973" y="320840"/>
                      <a:pt x="89344" y="320897"/>
                    </a:cubicBezTo>
                    <a:cubicBezTo>
                      <a:pt x="89411" y="320897"/>
                      <a:pt x="89468" y="320897"/>
                      <a:pt x="89535" y="320897"/>
                    </a:cubicBezTo>
                    <a:lnTo>
                      <a:pt x="156210" y="320897"/>
                    </a:lnTo>
                    <a:cubicBezTo>
                      <a:pt x="161153" y="320897"/>
                      <a:pt x="165164" y="324907"/>
                      <a:pt x="165164" y="329851"/>
                    </a:cubicBezTo>
                    <a:lnTo>
                      <a:pt x="165164" y="356616"/>
                    </a:lnTo>
                    <a:cubicBezTo>
                      <a:pt x="165164" y="359035"/>
                      <a:pt x="167126" y="360998"/>
                      <a:pt x="169545" y="360998"/>
                    </a:cubicBezTo>
                    <a:lnTo>
                      <a:pt x="196310" y="360998"/>
                    </a:lnTo>
                    <a:cubicBezTo>
                      <a:pt x="198730" y="360998"/>
                      <a:pt x="200692" y="359035"/>
                      <a:pt x="200692" y="356616"/>
                    </a:cubicBezTo>
                    <a:lnTo>
                      <a:pt x="200692" y="276416"/>
                    </a:lnTo>
                    <a:cubicBezTo>
                      <a:pt x="200644" y="274015"/>
                      <a:pt x="198710" y="272082"/>
                      <a:pt x="196310" y="272034"/>
                    </a:cubicBezTo>
                    <a:lnTo>
                      <a:pt x="169545" y="272034"/>
                    </a:lnTo>
                    <a:cubicBezTo>
                      <a:pt x="164602" y="272034"/>
                      <a:pt x="160591" y="268024"/>
                      <a:pt x="160591" y="263081"/>
                    </a:cubicBezTo>
                    <a:lnTo>
                      <a:pt x="160591" y="196406"/>
                    </a:lnTo>
                    <a:cubicBezTo>
                      <a:pt x="160830" y="191548"/>
                      <a:pt x="164687" y="187643"/>
                      <a:pt x="169545" y="187357"/>
                    </a:cubicBezTo>
                    <a:lnTo>
                      <a:pt x="196310" y="187357"/>
                    </a:lnTo>
                    <a:cubicBezTo>
                      <a:pt x="198730" y="187357"/>
                      <a:pt x="200692" y="185395"/>
                      <a:pt x="200692" y="182975"/>
                    </a:cubicBezTo>
                    <a:lnTo>
                      <a:pt x="200692" y="156305"/>
                    </a:lnTo>
                    <a:cubicBezTo>
                      <a:pt x="200692" y="153867"/>
                      <a:pt x="198749" y="151876"/>
                      <a:pt x="196310" y="151829"/>
                    </a:cubicBezTo>
                    <a:lnTo>
                      <a:pt x="89725" y="151829"/>
                    </a:lnTo>
                    <a:cubicBezTo>
                      <a:pt x="87306" y="151829"/>
                      <a:pt x="85344" y="153791"/>
                      <a:pt x="85344" y="156210"/>
                    </a:cubicBezTo>
                    <a:cubicBezTo>
                      <a:pt x="85344" y="156239"/>
                      <a:pt x="85344" y="156277"/>
                      <a:pt x="85344" y="156305"/>
                    </a:cubicBezTo>
                    <a:lnTo>
                      <a:pt x="85344" y="182975"/>
                    </a:lnTo>
                    <a:cubicBezTo>
                      <a:pt x="85287" y="185338"/>
                      <a:pt x="87163" y="187300"/>
                      <a:pt x="89535" y="187357"/>
                    </a:cubicBezTo>
                    <a:cubicBezTo>
                      <a:pt x="89602" y="187357"/>
                      <a:pt x="89659" y="187357"/>
                      <a:pt x="89725" y="187357"/>
                    </a:cubicBezTo>
                    <a:lnTo>
                      <a:pt x="116491" y="187357"/>
                    </a:lnTo>
                    <a:cubicBezTo>
                      <a:pt x="121348" y="187643"/>
                      <a:pt x="125206" y="191548"/>
                      <a:pt x="125444" y="196406"/>
                    </a:cubicBezTo>
                    <a:lnTo>
                      <a:pt x="125444" y="263081"/>
                    </a:lnTo>
                    <a:cubicBezTo>
                      <a:pt x="125444" y="268024"/>
                      <a:pt x="121434" y="272034"/>
                      <a:pt x="116491" y="272034"/>
                    </a:cubicBezTo>
                    <a:close/>
                    <a:moveTo>
                      <a:pt x="183070" y="205359"/>
                    </a:moveTo>
                    <a:cubicBezTo>
                      <a:pt x="180670" y="205407"/>
                      <a:pt x="178737" y="207340"/>
                      <a:pt x="178689" y="209741"/>
                    </a:cubicBezTo>
                    <a:lnTo>
                      <a:pt x="178689" y="249841"/>
                    </a:lnTo>
                    <a:cubicBezTo>
                      <a:pt x="178689" y="252260"/>
                      <a:pt x="180651" y="254222"/>
                      <a:pt x="183070" y="254222"/>
                    </a:cubicBezTo>
                    <a:lnTo>
                      <a:pt x="236601" y="254222"/>
                    </a:lnTo>
                    <a:cubicBezTo>
                      <a:pt x="239020" y="254222"/>
                      <a:pt x="240982" y="252260"/>
                      <a:pt x="240982" y="249841"/>
                    </a:cubicBezTo>
                    <a:lnTo>
                      <a:pt x="240982" y="209741"/>
                    </a:lnTo>
                    <a:cubicBezTo>
                      <a:pt x="240935" y="207340"/>
                      <a:pt x="239001" y="205407"/>
                      <a:pt x="236601" y="205359"/>
                    </a:cubicBezTo>
                    <a:close/>
                    <a:moveTo>
                      <a:pt x="49720" y="205359"/>
                    </a:moveTo>
                    <a:cubicBezTo>
                      <a:pt x="47301" y="205359"/>
                      <a:pt x="45339" y="207321"/>
                      <a:pt x="45339" y="209741"/>
                    </a:cubicBezTo>
                    <a:lnTo>
                      <a:pt x="45339" y="249841"/>
                    </a:lnTo>
                    <a:cubicBezTo>
                      <a:pt x="45282" y="252203"/>
                      <a:pt x="47158" y="254165"/>
                      <a:pt x="49530" y="254222"/>
                    </a:cubicBezTo>
                    <a:cubicBezTo>
                      <a:pt x="49597" y="254222"/>
                      <a:pt x="49654" y="254222"/>
                      <a:pt x="49720" y="254222"/>
                    </a:cubicBezTo>
                    <a:lnTo>
                      <a:pt x="103156" y="254222"/>
                    </a:lnTo>
                    <a:cubicBezTo>
                      <a:pt x="105518" y="254280"/>
                      <a:pt x="107480" y="252403"/>
                      <a:pt x="107537" y="250031"/>
                    </a:cubicBezTo>
                    <a:cubicBezTo>
                      <a:pt x="107537" y="249965"/>
                      <a:pt x="107537" y="249908"/>
                      <a:pt x="107537" y="249841"/>
                    </a:cubicBezTo>
                    <a:lnTo>
                      <a:pt x="107537" y="209741"/>
                    </a:lnTo>
                    <a:cubicBezTo>
                      <a:pt x="107537" y="207321"/>
                      <a:pt x="105575" y="205359"/>
                      <a:pt x="103156" y="205359"/>
                    </a:cubicBezTo>
                    <a:close/>
                    <a:moveTo>
                      <a:pt x="156686" y="18193"/>
                    </a:moveTo>
                    <a:cubicBezTo>
                      <a:pt x="154324" y="18136"/>
                      <a:pt x="152362" y="20012"/>
                      <a:pt x="152305" y="22384"/>
                    </a:cubicBezTo>
                    <a:cubicBezTo>
                      <a:pt x="152305" y="22451"/>
                      <a:pt x="152305" y="22508"/>
                      <a:pt x="152305" y="22574"/>
                    </a:cubicBezTo>
                    <a:lnTo>
                      <a:pt x="152305" y="76010"/>
                    </a:lnTo>
                    <a:cubicBezTo>
                      <a:pt x="152248" y="78372"/>
                      <a:pt x="154124" y="80334"/>
                      <a:pt x="156496" y="80391"/>
                    </a:cubicBezTo>
                    <a:cubicBezTo>
                      <a:pt x="156562" y="80391"/>
                      <a:pt x="156620" y="80391"/>
                      <a:pt x="156686" y="80391"/>
                    </a:cubicBezTo>
                    <a:lnTo>
                      <a:pt x="263652" y="80391"/>
                    </a:lnTo>
                    <a:cubicBezTo>
                      <a:pt x="266071" y="80391"/>
                      <a:pt x="268033" y="78429"/>
                      <a:pt x="268033" y="76010"/>
                    </a:cubicBezTo>
                    <a:lnTo>
                      <a:pt x="268033" y="22574"/>
                    </a:lnTo>
                    <a:cubicBezTo>
                      <a:pt x="268033" y="20155"/>
                      <a:pt x="266071" y="18193"/>
                      <a:pt x="263652" y="18193"/>
                    </a:cubicBezTo>
                    <a:close/>
                  </a:path>
                </a:pathLst>
              </a:custGeom>
              <a:solidFill>
                <a:srgbClr val="265998"/>
              </a:solidFill>
              <a:ln w="9525" cap="flat">
                <a:noFill/>
                <a:prstDash val="solid"/>
                <a:miter/>
              </a:ln>
            </p:spPr>
            <p:txBody>
              <a:bodyPr rtlCol="0" anchor="ctr"/>
              <a:lstStyle/>
              <a:p>
                <a:endParaRPr lang="en-AU"/>
              </a:p>
            </p:txBody>
          </p:sp>
        </p:grpSp>
        <p:sp>
          <p:nvSpPr>
            <p:cNvPr id="149" name="Rectangle 148">
              <a:extLst>
                <a:ext uri="{FF2B5EF4-FFF2-40B4-BE49-F238E27FC236}">
                  <a16:creationId xmlns:a16="http://schemas.microsoft.com/office/drawing/2014/main" id="{CEB88FE4-9DFD-4C19-928E-5A5019D7097E}"/>
                </a:ext>
                <a:ext uri="{C183D7F6-B498-43B3-948B-1728B52AA6E4}">
                  <adec:decorative xmlns:adec="http://schemas.microsoft.com/office/drawing/2017/decorative" val="1"/>
                </a:ext>
              </a:extLst>
            </p:cNvPr>
            <p:cNvSpPr/>
            <p:nvPr/>
          </p:nvSpPr>
          <p:spPr>
            <a:xfrm>
              <a:off x="5266624" y="3553880"/>
              <a:ext cx="655405" cy="534407"/>
            </a:xfrm>
            <a:prstGeom prst="rect">
              <a:avLst/>
            </a:prstGeom>
            <a:solidFill>
              <a:schemeClr val="tx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nvGrpSpPr>
            <p:cNvPr id="150" name="Group 149">
              <a:extLst>
                <a:ext uri="{FF2B5EF4-FFF2-40B4-BE49-F238E27FC236}">
                  <a16:creationId xmlns:a16="http://schemas.microsoft.com/office/drawing/2014/main" id="{63420A84-A4A0-42F7-95A7-6EF17F4512BC}"/>
                </a:ext>
              </a:extLst>
            </p:cNvPr>
            <p:cNvGrpSpPr/>
            <p:nvPr/>
          </p:nvGrpSpPr>
          <p:grpSpPr>
            <a:xfrm>
              <a:off x="5414933" y="3606605"/>
              <a:ext cx="419134" cy="419100"/>
              <a:chOff x="1100007" y="1489932"/>
              <a:chExt cx="419134" cy="419100"/>
            </a:xfrm>
          </p:grpSpPr>
          <p:sp>
            <p:nvSpPr>
              <p:cNvPr id="151" name="Graphic 2">
                <a:extLst>
                  <a:ext uri="{FF2B5EF4-FFF2-40B4-BE49-F238E27FC236}">
                    <a16:creationId xmlns:a16="http://schemas.microsoft.com/office/drawing/2014/main" id="{E0614BA3-1563-414E-991D-BFDC79F6380A}"/>
                  </a:ext>
                  <a:ext uri="{C183D7F6-B498-43B3-948B-1728B52AA6E4}">
                    <adec:decorative xmlns:adec="http://schemas.microsoft.com/office/drawing/2017/decorative" val="1"/>
                  </a:ext>
                </a:extLst>
              </p:cNvPr>
              <p:cNvSpPr/>
              <p:nvPr/>
            </p:nvSpPr>
            <p:spPr>
              <a:xfrm>
                <a:off x="1266308" y="1508314"/>
                <a:ext cx="234259" cy="203141"/>
              </a:xfrm>
              <a:custGeom>
                <a:avLst/>
                <a:gdLst>
                  <a:gd name="connsiteX0" fmla="*/ 105291 w 234259"/>
                  <a:gd name="connsiteY0" fmla="*/ 148877 h 203141"/>
                  <a:gd name="connsiteX1" fmla="*/ 114816 w 234259"/>
                  <a:gd name="connsiteY1" fmla="*/ 152306 h 203141"/>
                  <a:gd name="connsiteX2" fmla="*/ 118817 w 234259"/>
                  <a:gd name="connsiteY2" fmla="*/ 198978 h 203141"/>
                  <a:gd name="connsiteX3" fmla="*/ 121484 w 234259"/>
                  <a:gd name="connsiteY3" fmla="*/ 203074 h 203141"/>
                  <a:gd name="connsiteX4" fmla="*/ 123198 w 234259"/>
                  <a:gd name="connsiteY4" fmla="*/ 203074 h 203141"/>
                  <a:gd name="connsiteX5" fmla="*/ 126246 w 234259"/>
                  <a:gd name="connsiteY5" fmla="*/ 201836 h 203141"/>
                  <a:gd name="connsiteX6" fmla="*/ 183396 w 234259"/>
                  <a:gd name="connsiteY6" fmla="*/ 144686 h 203141"/>
                  <a:gd name="connsiteX7" fmla="*/ 189778 w 234259"/>
                  <a:gd name="connsiteY7" fmla="*/ 142114 h 203141"/>
                  <a:gd name="connsiteX8" fmla="*/ 229878 w 234259"/>
                  <a:gd name="connsiteY8" fmla="*/ 142114 h 203141"/>
                  <a:gd name="connsiteX9" fmla="*/ 234260 w 234259"/>
                  <a:gd name="connsiteY9" fmla="*/ 137733 h 203141"/>
                  <a:gd name="connsiteX10" fmla="*/ 234260 w 234259"/>
                  <a:gd name="connsiteY10" fmla="*/ 4383 h 203141"/>
                  <a:gd name="connsiteX11" fmla="*/ 229878 w 234259"/>
                  <a:gd name="connsiteY11" fmla="*/ 1 h 203141"/>
                  <a:gd name="connsiteX12" fmla="*/ 16614 w 234259"/>
                  <a:gd name="connsiteY12" fmla="*/ 1 h 203141"/>
                  <a:gd name="connsiteX13" fmla="*/ 12232 w 234259"/>
                  <a:gd name="connsiteY13" fmla="*/ 4190 h 203141"/>
                  <a:gd name="connsiteX14" fmla="*/ 12232 w 234259"/>
                  <a:gd name="connsiteY14" fmla="*/ 4383 h 203141"/>
                  <a:gd name="connsiteX15" fmla="*/ 10518 w 234259"/>
                  <a:gd name="connsiteY15" fmla="*/ 43816 h 203141"/>
                  <a:gd name="connsiteX16" fmla="*/ 4707 w 234259"/>
                  <a:gd name="connsiteY16" fmla="*/ 70772 h 203141"/>
                  <a:gd name="connsiteX17" fmla="*/ 3183 w 234259"/>
                  <a:gd name="connsiteY17" fmla="*/ 103062 h 203141"/>
                  <a:gd name="connsiteX18" fmla="*/ 22233 w 234259"/>
                  <a:gd name="connsiteY18" fmla="*/ 120969 h 203141"/>
                  <a:gd name="connsiteX19" fmla="*/ 37092 w 234259"/>
                  <a:gd name="connsiteY19" fmla="*/ 150115 h 203141"/>
                  <a:gd name="connsiteX20" fmla="*/ 54904 w 234259"/>
                  <a:gd name="connsiteY20" fmla="*/ 154497 h 203141"/>
                  <a:gd name="connsiteX21" fmla="*/ 61667 w 234259"/>
                  <a:gd name="connsiteY21" fmla="*/ 154497 h 203141"/>
                  <a:gd name="connsiteX22" fmla="*/ 69382 w 234259"/>
                  <a:gd name="connsiteY22" fmla="*/ 151068 h 203141"/>
                  <a:gd name="connsiteX23" fmla="*/ 105291 w 234259"/>
                  <a:gd name="connsiteY23" fmla="*/ 148877 h 2031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234259" h="203141">
                    <a:moveTo>
                      <a:pt x="105291" y="148877"/>
                    </a:moveTo>
                    <a:cubicBezTo>
                      <a:pt x="110625" y="149734"/>
                      <a:pt x="114816" y="146686"/>
                      <a:pt x="114816" y="152306"/>
                    </a:cubicBezTo>
                    <a:lnTo>
                      <a:pt x="118817" y="198978"/>
                    </a:lnTo>
                    <a:cubicBezTo>
                      <a:pt x="118791" y="200759"/>
                      <a:pt x="119846" y="202378"/>
                      <a:pt x="121484" y="203074"/>
                    </a:cubicBezTo>
                    <a:cubicBezTo>
                      <a:pt x="122052" y="203165"/>
                      <a:pt x="122631" y="203165"/>
                      <a:pt x="123198" y="203074"/>
                    </a:cubicBezTo>
                    <a:cubicBezTo>
                      <a:pt x="124341" y="203094"/>
                      <a:pt x="125442" y="202646"/>
                      <a:pt x="126246" y="201836"/>
                    </a:cubicBezTo>
                    <a:lnTo>
                      <a:pt x="183396" y="144686"/>
                    </a:lnTo>
                    <a:cubicBezTo>
                      <a:pt x="185129" y="143064"/>
                      <a:pt x="187405" y="142146"/>
                      <a:pt x="189778" y="142114"/>
                    </a:cubicBezTo>
                    <a:lnTo>
                      <a:pt x="229878" y="142114"/>
                    </a:lnTo>
                    <a:cubicBezTo>
                      <a:pt x="232277" y="142064"/>
                      <a:pt x="234209" y="140131"/>
                      <a:pt x="234260" y="137733"/>
                    </a:cubicBezTo>
                    <a:lnTo>
                      <a:pt x="234260" y="4383"/>
                    </a:lnTo>
                    <a:cubicBezTo>
                      <a:pt x="234260" y="1962"/>
                      <a:pt x="232299" y="1"/>
                      <a:pt x="229878" y="1"/>
                    </a:cubicBezTo>
                    <a:lnTo>
                      <a:pt x="16614" y="1"/>
                    </a:lnTo>
                    <a:cubicBezTo>
                      <a:pt x="14247" y="-52"/>
                      <a:pt x="12286" y="1823"/>
                      <a:pt x="12232" y="4190"/>
                    </a:cubicBezTo>
                    <a:cubicBezTo>
                      <a:pt x="12230" y="4254"/>
                      <a:pt x="12230" y="4319"/>
                      <a:pt x="12232" y="4383"/>
                    </a:cubicBezTo>
                    <a:cubicBezTo>
                      <a:pt x="12232" y="17432"/>
                      <a:pt x="11375" y="30862"/>
                      <a:pt x="10518" y="43816"/>
                    </a:cubicBezTo>
                    <a:cubicBezTo>
                      <a:pt x="9358" y="52952"/>
                      <a:pt x="7414" y="61970"/>
                      <a:pt x="4707" y="70772"/>
                    </a:cubicBezTo>
                    <a:cubicBezTo>
                      <a:pt x="2326" y="83250"/>
                      <a:pt x="-3675" y="94965"/>
                      <a:pt x="3183" y="103062"/>
                    </a:cubicBezTo>
                    <a:cubicBezTo>
                      <a:pt x="9936" y="108587"/>
                      <a:pt x="16301" y="114571"/>
                      <a:pt x="22233" y="120969"/>
                    </a:cubicBezTo>
                    <a:cubicBezTo>
                      <a:pt x="28729" y="129817"/>
                      <a:pt x="33747" y="139661"/>
                      <a:pt x="37092" y="150115"/>
                    </a:cubicBezTo>
                    <a:cubicBezTo>
                      <a:pt x="38140" y="155925"/>
                      <a:pt x="43379" y="153163"/>
                      <a:pt x="54904" y="154497"/>
                    </a:cubicBezTo>
                    <a:cubicBezTo>
                      <a:pt x="57146" y="154829"/>
                      <a:pt x="59425" y="154829"/>
                      <a:pt x="61667" y="154497"/>
                    </a:cubicBezTo>
                    <a:cubicBezTo>
                      <a:pt x="64390" y="153730"/>
                      <a:pt x="66989" y="152575"/>
                      <a:pt x="69382" y="151068"/>
                    </a:cubicBezTo>
                    <a:cubicBezTo>
                      <a:pt x="81018" y="147553"/>
                      <a:pt x="93315" y="146803"/>
                      <a:pt x="105291" y="148877"/>
                    </a:cubicBezTo>
                    <a:close/>
                  </a:path>
                </a:pathLst>
              </a:custGeom>
              <a:solidFill>
                <a:schemeClr val="tx2"/>
              </a:solidFill>
              <a:ln w="9525" cap="flat">
                <a:noFill/>
                <a:prstDash val="solid"/>
                <a:miter/>
              </a:ln>
            </p:spPr>
            <p:txBody>
              <a:bodyPr rtlCol="0" anchor="ctr"/>
              <a:lstStyle/>
              <a:p>
                <a:endParaRPr lang="en-AU"/>
              </a:p>
            </p:txBody>
          </p:sp>
          <p:sp>
            <p:nvSpPr>
              <p:cNvPr id="152" name="Graphic 2">
                <a:extLst>
                  <a:ext uri="{FF2B5EF4-FFF2-40B4-BE49-F238E27FC236}">
                    <a16:creationId xmlns:a16="http://schemas.microsoft.com/office/drawing/2014/main" id="{609B0BFE-9604-4901-8DFD-DB0FA52F8C5C}"/>
                  </a:ext>
                  <a:ext uri="{C183D7F6-B498-43B3-948B-1728B52AA6E4}">
                    <adec:decorative xmlns:adec="http://schemas.microsoft.com/office/drawing/2017/decorative" val="1"/>
                  </a:ext>
                </a:extLst>
              </p:cNvPr>
              <p:cNvSpPr/>
              <p:nvPr/>
            </p:nvSpPr>
            <p:spPr>
              <a:xfrm>
                <a:off x="1180242" y="1623663"/>
                <a:ext cx="98202" cy="138303"/>
              </a:xfrm>
              <a:custGeom>
                <a:avLst/>
                <a:gdLst>
                  <a:gd name="connsiteX0" fmla="*/ 49149 w 98202"/>
                  <a:gd name="connsiteY0" fmla="*/ 138303 h 138303"/>
                  <a:gd name="connsiteX1" fmla="*/ 0 w 98202"/>
                  <a:gd name="connsiteY1" fmla="*/ 60579 h 138303"/>
                  <a:gd name="connsiteX2" fmla="*/ 49149 w 98202"/>
                  <a:gd name="connsiteY2" fmla="*/ 0 h 138303"/>
                  <a:gd name="connsiteX3" fmla="*/ 98203 w 98202"/>
                  <a:gd name="connsiteY3" fmla="*/ 60579 h 138303"/>
                  <a:gd name="connsiteX4" fmla="*/ 49149 w 98202"/>
                  <a:gd name="connsiteY4" fmla="*/ 138303 h 138303"/>
                  <a:gd name="connsiteX5" fmla="*/ 49149 w 98202"/>
                  <a:gd name="connsiteY5" fmla="*/ 18002 h 138303"/>
                  <a:gd name="connsiteX6" fmla="*/ 18002 w 98202"/>
                  <a:gd name="connsiteY6" fmla="*/ 60579 h 138303"/>
                  <a:gd name="connsiteX7" fmla="*/ 49149 w 98202"/>
                  <a:gd name="connsiteY7" fmla="*/ 120301 h 138303"/>
                  <a:gd name="connsiteX8" fmla="*/ 80296 w 98202"/>
                  <a:gd name="connsiteY8" fmla="*/ 60579 h 138303"/>
                  <a:gd name="connsiteX9" fmla="*/ 49149 w 98202"/>
                  <a:gd name="connsiteY9" fmla="*/ 17812 h 1383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8202" h="138303">
                    <a:moveTo>
                      <a:pt x="49149" y="138303"/>
                    </a:moveTo>
                    <a:cubicBezTo>
                      <a:pt x="21622" y="138303"/>
                      <a:pt x="0" y="104108"/>
                      <a:pt x="0" y="60579"/>
                    </a:cubicBezTo>
                    <a:cubicBezTo>
                      <a:pt x="0" y="5906"/>
                      <a:pt x="34385" y="0"/>
                      <a:pt x="49149" y="0"/>
                    </a:cubicBezTo>
                    <a:cubicBezTo>
                      <a:pt x="63913" y="0"/>
                      <a:pt x="98203" y="5906"/>
                      <a:pt x="98203" y="60579"/>
                    </a:cubicBezTo>
                    <a:cubicBezTo>
                      <a:pt x="98203" y="104108"/>
                      <a:pt x="77057" y="138303"/>
                      <a:pt x="49149" y="138303"/>
                    </a:cubicBezTo>
                    <a:close/>
                    <a:moveTo>
                      <a:pt x="49149" y="18002"/>
                    </a:moveTo>
                    <a:cubicBezTo>
                      <a:pt x="41434" y="18002"/>
                      <a:pt x="18002" y="18002"/>
                      <a:pt x="18002" y="60579"/>
                    </a:cubicBezTo>
                    <a:cubicBezTo>
                      <a:pt x="18002" y="92393"/>
                      <a:pt x="32576" y="120301"/>
                      <a:pt x="49149" y="120301"/>
                    </a:cubicBezTo>
                    <a:cubicBezTo>
                      <a:pt x="65723" y="120301"/>
                      <a:pt x="80296" y="92393"/>
                      <a:pt x="80296" y="60579"/>
                    </a:cubicBezTo>
                    <a:cubicBezTo>
                      <a:pt x="80296" y="17812"/>
                      <a:pt x="56864" y="17812"/>
                      <a:pt x="49149" y="17812"/>
                    </a:cubicBezTo>
                    <a:close/>
                  </a:path>
                </a:pathLst>
              </a:custGeom>
              <a:solidFill>
                <a:srgbClr val="265998"/>
              </a:solidFill>
              <a:ln w="9525" cap="flat">
                <a:noFill/>
                <a:prstDash val="solid"/>
                <a:miter/>
              </a:ln>
            </p:spPr>
            <p:txBody>
              <a:bodyPr rtlCol="0" anchor="ctr"/>
              <a:lstStyle/>
              <a:p>
                <a:endParaRPr lang="en-AU"/>
              </a:p>
            </p:txBody>
          </p:sp>
          <p:sp>
            <p:nvSpPr>
              <p:cNvPr id="153" name="Graphic 2">
                <a:extLst>
                  <a:ext uri="{FF2B5EF4-FFF2-40B4-BE49-F238E27FC236}">
                    <a16:creationId xmlns:a16="http://schemas.microsoft.com/office/drawing/2014/main" id="{6DBC0925-E7C2-462A-8C8F-FD59F4688626}"/>
                  </a:ext>
                  <a:ext uri="{C183D7F6-B498-43B3-948B-1728B52AA6E4}">
                    <adec:decorative xmlns:adec="http://schemas.microsoft.com/office/drawing/2017/decorative" val="1"/>
                  </a:ext>
                </a:extLst>
              </p:cNvPr>
              <p:cNvSpPr/>
              <p:nvPr/>
            </p:nvSpPr>
            <p:spPr>
              <a:xfrm>
                <a:off x="1100007" y="1770498"/>
                <a:ext cx="258829" cy="138534"/>
              </a:xfrm>
              <a:custGeom>
                <a:avLst/>
                <a:gdLst>
                  <a:gd name="connsiteX0" fmla="*/ 8989 w 258829"/>
                  <a:gd name="connsiteY0" fmla="*/ 138534 h 138534"/>
                  <a:gd name="connsiteX1" fmla="*/ 35 w 258829"/>
                  <a:gd name="connsiteY1" fmla="*/ 129581 h 138534"/>
                  <a:gd name="connsiteX2" fmla="*/ 35 w 258829"/>
                  <a:gd name="connsiteY2" fmla="*/ 76050 h 138534"/>
                  <a:gd name="connsiteX3" fmla="*/ 35 w 258829"/>
                  <a:gd name="connsiteY3" fmla="*/ 75193 h 138534"/>
                  <a:gd name="connsiteX4" fmla="*/ 8226 w 258829"/>
                  <a:gd name="connsiteY4" fmla="*/ 43284 h 138534"/>
                  <a:gd name="connsiteX5" fmla="*/ 38516 w 258829"/>
                  <a:gd name="connsiteY5" fmla="*/ 26330 h 138534"/>
                  <a:gd name="connsiteX6" fmla="*/ 52518 w 258829"/>
                  <a:gd name="connsiteY6" fmla="*/ 20329 h 138534"/>
                  <a:gd name="connsiteX7" fmla="*/ 67472 w 258829"/>
                  <a:gd name="connsiteY7" fmla="*/ 5565 h 138534"/>
                  <a:gd name="connsiteX8" fmla="*/ 79150 w 258829"/>
                  <a:gd name="connsiteY8" fmla="*/ 669 h 138534"/>
                  <a:gd name="connsiteX9" fmla="*/ 84046 w 258829"/>
                  <a:gd name="connsiteY9" fmla="*/ 5565 h 138534"/>
                  <a:gd name="connsiteX10" fmla="*/ 84046 w 258829"/>
                  <a:gd name="connsiteY10" fmla="*/ 12518 h 138534"/>
                  <a:gd name="connsiteX11" fmla="*/ 62043 w 258829"/>
                  <a:gd name="connsiteY11" fmla="*/ 35474 h 138534"/>
                  <a:gd name="connsiteX12" fmla="*/ 42993 w 258829"/>
                  <a:gd name="connsiteY12" fmla="*/ 43760 h 138534"/>
                  <a:gd name="connsiteX13" fmla="*/ 23943 w 258829"/>
                  <a:gd name="connsiteY13" fmla="*/ 53285 h 138534"/>
                  <a:gd name="connsiteX14" fmla="*/ 18418 w 258829"/>
                  <a:gd name="connsiteY14" fmla="*/ 76812 h 138534"/>
                  <a:gd name="connsiteX15" fmla="*/ 18418 w 258829"/>
                  <a:gd name="connsiteY15" fmla="*/ 116627 h 138534"/>
                  <a:gd name="connsiteX16" fmla="*/ 22704 w 258829"/>
                  <a:gd name="connsiteY16" fmla="*/ 121102 h 138534"/>
                  <a:gd name="connsiteX17" fmla="*/ 22800 w 258829"/>
                  <a:gd name="connsiteY17" fmla="*/ 121103 h 138534"/>
                  <a:gd name="connsiteX18" fmla="*/ 49565 w 258829"/>
                  <a:gd name="connsiteY18" fmla="*/ 121103 h 138534"/>
                  <a:gd name="connsiteX19" fmla="*/ 53947 w 258829"/>
                  <a:gd name="connsiteY19" fmla="*/ 116627 h 138534"/>
                  <a:gd name="connsiteX20" fmla="*/ 53947 w 258829"/>
                  <a:gd name="connsiteY20" fmla="*/ 89957 h 138534"/>
                  <a:gd name="connsiteX21" fmla="*/ 62900 w 258829"/>
                  <a:gd name="connsiteY21" fmla="*/ 81003 h 138534"/>
                  <a:gd name="connsiteX22" fmla="*/ 71853 w 258829"/>
                  <a:gd name="connsiteY22" fmla="*/ 89957 h 138534"/>
                  <a:gd name="connsiteX23" fmla="*/ 71853 w 258829"/>
                  <a:gd name="connsiteY23" fmla="*/ 116627 h 138534"/>
                  <a:gd name="connsiteX24" fmla="*/ 76235 w 258829"/>
                  <a:gd name="connsiteY24" fmla="*/ 121103 h 138534"/>
                  <a:gd name="connsiteX25" fmla="*/ 182820 w 258829"/>
                  <a:gd name="connsiteY25" fmla="*/ 121103 h 138534"/>
                  <a:gd name="connsiteX26" fmla="*/ 187202 w 258829"/>
                  <a:gd name="connsiteY26" fmla="*/ 116723 h 138534"/>
                  <a:gd name="connsiteX27" fmla="*/ 187201 w 258829"/>
                  <a:gd name="connsiteY27" fmla="*/ 116627 h 138534"/>
                  <a:gd name="connsiteX28" fmla="*/ 187201 w 258829"/>
                  <a:gd name="connsiteY28" fmla="*/ 89957 h 138534"/>
                  <a:gd name="connsiteX29" fmla="*/ 195276 w 258829"/>
                  <a:gd name="connsiteY29" fmla="*/ 80029 h 138534"/>
                  <a:gd name="connsiteX30" fmla="*/ 205203 w 258829"/>
                  <a:gd name="connsiteY30" fmla="*/ 88102 h 138534"/>
                  <a:gd name="connsiteX31" fmla="*/ 205203 w 258829"/>
                  <a:gd name="connsiteY31" fmla="*/ 89957 h 138534"/>
                  <a:gd name="connsiteX32" fmla="*/ 205203 w 258829"/>
                  <a:gd name="connsiteY32" fmla="*/ 116627 h 138534"/>
                  <a:gd name="connsiteX33" fmla="*/ 209585 w 258829"/>
                  <a:gd name="connsiteY33" fmla="*/ 121103 h 138534"/>
                  <a:gd name="connsiteX34" fmla="*/ 236350 w 258829"/>
                  <a:gd name="connsiteY34" fmla="*/ 121103 h 138534"/>
                  <a:gd name="connsiteX35" fmla="*/ 240732 w 258829"/>
                  <a:gd name="connsiteY35" fmla="*/ 116627 h 138534"/>
                  <a:gd name="connsiteX36" fmla="*/ 240732 w 258829"/>
                  <a:gd name="connsiteY36" fmla="*/ 76336 h 138534"/>
                  <a:gd name="connsiteX37" fmla="*/ 235207 w 258829"/>
                  <a:gd name="connsiteY37" fmla="*/ 52809 h 138534"/>
                  <a:gd name="connsiteX38" fmla="*/ 216824 w 258829"/>
                  <a:gd name="connsiteY38" fmla="*/ 43951 h 138534"/>
                  <a:gd name="connsiteX39" fmla="*/ 174628 w 258829"/>
                  <a:gd name="connsiteY39" fmla="*/ 12899 h 138534"/>
                  <a:gd name="connsiteX40" fmla="*/ 174628 w 258829"/>
                  <a:gd name="connsiteY40" fmla="*/ 5946 h 138534"/>
                  <a:gd name="connsiteX41" fmla="*/ 179391 w 258829"/>
                  <a:gd name="connsiteY41" fmla="*/ 993 h 138534"/>
                  <a:gd name="connsiteX42" fmla="*/ 183010 w 258829"/>
                  <a:gd name="connsiteY42" fmla="*/ 231 h 138534"/>
                  <a:gd name="connsiteX43" fmla="*/ 191202 w 258829"/>
                  <a:gd name="connsiteY43" fmla="*/ 5565 h 138534"/>
                  <a:gd name="connsiteX44" fmla="*/ 206251 w 258829"/>
                  <a:gd name="connsiteY44" fmla="*/ 20329 h 138534"/>
                  <a:gd name="connsiteX45" fmla="*/ 219205 w 258829"/>
                  <a:gd name="connsiteY45" fmla="*/ 26139 h 138534"/>
                  <a:gd name="connsiteX46" fmla="*/ 250543 w 258829"/>
                  <a:gd name="connsiteY46" fmla="*/ 43284 h 138534"/>
                  <a:gd name="connsiteX47" fmla="*/ 258829 w 258829"/>
                  <a:gd name="connsiteY47" fmla="*/ 75098 h 138534"/>
                  <a:gd name="connsiteX48" fmla="*/ 258829 w 258829"/>
                  <a:gd name="connsiteY48" fmla="*/ 76050 h 138534"/>
                  <a:gd name="connsiteX49" fmla="*/ 258829 w 258829"/>
                  <a:gd name="connsiteY49" fmla="*/ 129581 h 138534"/>
                  <a:gd name="connsiteX50" fmla="*/ 249304 w 258829"/>
                  <a:gd name="connsiteY50" fmla="*/ 138534 h 1385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258829" h="138534">
                    <a:moveTo>
                      <a:pt x="8989" y="138534"/>
                    </a:moveTo>
                    <a:cubicBezTo>
                      <a:pt x="4044" y="138534"/>
                      <a:pt x="35" y="134524"/>
                      <a:pt x="35" y="129581"/>
                    </a:cubicBezTo>
                    <a:lnTo>
                      <a:pt x="35" y="76050"/>
                    </a:lnTo>
                    <a:cubicBezTo>
                      <a:pt x="-12" y="75766"/>
                      <a:pt x="-12" y="75477"/>
                      <a:pt x="35" y="75193"/>
                    </a:cubicBezTo>
                    <a:cubicBezTo>
                      <a:pt x="764" y="64141"/>
                      <a:pt x="3542" y="53321"/>
                      <a:pt x="8226" y="43284"/>
                    </a:cubicBezTo>
                    <a:cubicBezTo>
                      <a:pt x="15159" y="33253"/>
                      <a:pt x="26341" y="26994"/>
                      <a:pt x="38516" y="26330"/>
                    </a:cubicBezTo>
                    <a:cubicBezTo>
                      <a:pt x="43539" y="25292"/>
                      <a:pt x="48302" y="23251"/>
                      <a:pt x="52518" y="20329"/>
                    </a:cubicBezTo>
                    <a:cubicBezTo>
                      <a:pt x="58817" y="16946"/>
                      <a:pt x="64008" y="11820"/>
                      <a:pt x="67472" y="5565"/>
                    </a:cubicBezTo>
                    <a:cubicBezTo>
                      <a:pt x="69345" y="988"/>
                      <a:pt x="74573" y="-1203"/>
                      <a:pt x="79150" y="669"/>
                    </a:cubicBezTo>
                    <a:cubicBezTo>
                      <a:pt x="81372" y="1578"/>
                      <a:pt x="83136" y="3342"/>
                      <a:pt x="84046" y="5565"/>
                    </a:cubicBezTo>
                    <a:cubicBezTo>
                      <a:pt x="84993" y="7786"/>
                      <a:pt x="84993" y="10297"/>
                      <a:pt x="84046" y="12518"/>
                    </a:cubicBezTo>
                    <a:cubicBezTo>
                      <a:pt x="79195" y="22215"/>
                      <a:pt x="71526" y="30218"/>
                      <a:pt x="62043" y="35474"/>
                    </a:cubicBezTo>
                    <a:cubicBezTo>
                      <a:pt x="56270" y="39407"/>
                      <a:pt x="49807" y="42219"/>
                      <a:pt x="42993" y="43760"/>
                    </a:cubicBezTo>
                    <a:cubicBezTo>
                      <a:pt x="32229" y="45761"/>
                      <a:pt x="27276" y="46904"/>
                      <a:pt x="23943" y="53285"/>
                    </a:cubicBezTo>
                    <a:cubicBezTo>
                      <a:pt x="20986" y="60823"/>
                      <a:pt x="19125" y="68746"/>
                      <a:pt x="18418" y="76812"/>
                    </a:cubicBezTo>
                    <a:lnTo>
                      <a:pt x="18418" y="116627"/>
                    </a:lnTo>
                    <a:cubicBezTo>
                      <a:pt x="18366" y="119046"/>
                      <a:pt x="20284" y="121050"/>
                      <a:pt x="22704" y="121102"/>
                    </a:cubicBezTo>
                    <a:cubicBezTo>
                      <a:pt x="22736" y="121103"/>
                      <a:pt x="22767" y="121103"/>
                      <a:pt x="22800" y="121103"/>
                    </a:cubicBezTo>
                    <a:lnTo>
                      <a:pt x="49565" y="121103"/>
                    </a:lnTo>
                    <a:cubicBezTo>
                      <a:pt x="52001" y="121052"/>
                      <a:pt x="53947" y="119062"/>
                      <a:pt x="53947" y="116627"/>
                    </a:cubicBezTo>
                    <a:lnTo>
                      <a:pt x="53947" y="89957"/>
                    </a:lnTo>
                    <a:cubicBezTo>
                      <a:pt x="53947" y="85011"/>
                      <a:pt x="57956" y="81003"/>
                      <a:pt x="62900" y="81003"/>
                    </a:cubicBezTo>
                    <a:cubicBezTo>
                      <a:pt x="67844" y="81003"/>
                      <a:pt x="71853" y="85011"/>
                      <a:pt x="71853" y="89957"/>
                    </a:cubicBezTo>
                    <a:lnTo>
                      <a:pt x="71853" y="116627"/>
                    </a:lnTo>
                    <a:cubicBezTo>
                      <a:pt x="71853" y="119062"/>
                      <a:pt x="73799" y="121052"/>
                      <a:pt x="76235" y="121103"/>
                    </a:cubicBezTo>
                    <a:lnTo>
                      <a:pt x="182820" y="121103"/>
                    </a:lnTo>
                    <a:cubicBezTo>
                      <a:pt x="185240" y="121104"/>
                      <a:pt x="187201" y="119143"/>
                      <a:pt x="187202" y="116723"/>
                    </a:cubicBezTo>
                    <a:cubicBezTo>
                      <a:pt x="187202" y="116690"/>
                      <a:pt x="187202" y="116659"/>
                      <a:pt x="187201" y="116627"/>
                    </a:cubicBezTo>
                    <a:lnTo>
                      <a:pt x="187201" y="89957"/>
                    </a:lnTo>
                    <a:cubicBezTo>
                      <a:pt x="186689" y="84986"/>
                      <a:pt x="190304" y="80540"/>
                      <a:pt x="195276" y="80029"/>
                    </a:cubicBezTo>
                    <a:cubicBezTo>
                      <a:pt x="200247" y="79516"/>
                      <a:pt x="204691" y="83131"/>
                      <a:pt x="205203" y="88102"/>
                    </a:cubicBezTo>
                    <a:cubicBezTo>
                      <a:pt x="205267" y="88718"/>
                      <a:pt x="205267" y="89340"/>
                      <a:pt x="205203" y="89957"/>
                    </a:cubicBezTo>
                    <a:lnTo>
                      <a:pt x="205203" y="116627"/>
                    </a:lnTo>
                    <a:cubicBezTo>
                      <a:pt x="205203" y="119062"/>
                      <a:pt x="207149" y="121052"/>
                      <a:pt x="209585" y="121103"/>
                    </a:cubicBezTo>
                    <a:lnTo>
                      <a:pt x="236350" y="121103"/>
                    </a:lnTo>
                    <a:cubicBezTo>
                      <a:pt x="238786" y="121052"/>
                      <a:pt x="240733" y="119062"/>
                      <a:pt x="240732" y="116627"/>
                    </a:cubicBezTo>
                    <a:lnTo>
                      <a:pt x="240732" y="76336"/>
                    </a:lnTo>
                    <a:cubicBezTo>
                      <a:pt x="240025" y="68270"/>
                      <a:pt x="238164" y="60347"/>
                      <a:pt x="235207" y="52809"/>
                    </a:cubicBezTo>
                    <a:cubicBezTo>
                      <a:pt x="231493" y="46904"/>
                      <a:pt x="226635" y="45761"/>
                      <a:pt x="216824" y="43951"/>
                    </a:cubicBezTo>
                    <a:cubicBezTo>
                      <a:pt x="199044" y="39939"/>
                      <a:pt x="183747" y="28682"/>
                      <a:pt x="174628" y="12899"/>
                    </a:cubicBezTo>
                    <a:cubicBezTo>
                      <a:pt x="173752" y="10665"/>
                      <a:pt x="173752" y="8181"/>
                      <a:pt x="174628" y="5946"/>
                    </a:cubicBezTo>
                    <a:cubicBezTo>
                      <a:pt x="175494" y="3728"/>
                      <a:pt x="177208" y="1945"/>
                      <a:pt x="179391" y="993"/>
                    </a:cubicBezTo>
                    <a:cubicBezTo>
                      <a:pt x="180536" y="505"/>
                      <a:pt x="181765" y="246"/>
                      <a:pt x="183010" y="231"/>
                    </a:cubicBezTo>
                    <a:cubicBezTo>
                      <a:pt x="186556" y="230"/>
                      <a:pt x="189768" y="2322"/>
                      <a:pt x="191202" y="5565"/>
                    </a:cubicBezTo>
                    <a:cubicBezTo>
                      <a:pt x="194704" y="11823"/>
                      <a:pt x="199927" y="16947"/>
                      <a:pt x="206251" y="20329"/>
                    </a:cubicBezTo>
                    <a:cubicBezTo>
                      <a:pt x="210146" y="23098"/>
                      <a:pt x="214548" y="25071"/>
                      <a:pt x="219205" y="26139"/>
                    </a:cubicBezTo>
                    <a:cubicBezTo>
                      <a:pt x="231756" y="26644"/>
                      <a:pt x="243349" y="32987"/>
                      <a:pt x="250543" y="43284"/>
                    </a:cubicBezTo>
                    <a:cubicBezTo>
                      <a:pt x="255294" y="53268"/>
                      <a:pt x="258105" y="64064"/>
                      <a:pt x="258829" y="75098"/>
                    </a:cubicBezTo>
                    <a:cubicBezTo>
                      <a:pt x="258829" y="75098"/>
                      <a:pt x="258829" y="75764"/>
                      <a:pt x="258829" y="76050"/>
                    </a:cubicBezTo>
                    <a:lnTo>
                      <a:pt x="258829" y="129581"/>
                    </a:lnTo>
                    <a:cubicBezTo>
                      <a:pt x="258526" y="134619"/>
                      <a:pt x="254350" y="138544"/>
                      <a:pt x="249304" y="138534"/>
                    </a:cubicBezTo>
                    <a:close/>
                  </a:path>
                </a:pathLst>
              </a:custGeom>
              <a:solidFill>
                <a:srgbClr val="265998"/>
              </a:solidFill>
              <a:ln w="9525" cap="flat">
                <a:noFill/>
                <a:prstDash val="solid"/>
                <a:miter/>
              </a:ln>
            </p:spPr>
            <p:txBody>
              <a:bodyPr rtlCol="0" anchor="ctr"/>
              <a:lstStyle/>
              <a:p>
                <a:endParaRPr lang="en-AU"/>
              </a:p>
            </p:txBody>
          </p:sp>
          <p:sp>
            <p:nvSpPr>
              <p:cNvPr id="154" name="Graphic 2">
                <a:extLst>
                  <a:ext uri="{FF2B5EF4-FFF2-40B4-BE49-F238E27FC236}">
                    <a16:creationId xmlns:a16="http://schemas.microsoft.com/office/drawing/2014/main" id="{5E8FD3F2-5098-4851-B158-2CCD045A885D}"/>
                  </a:ext>
                </a:extLst>
              </p:cNvPr>
              <p:cNvSpPr/>
              <p:nvPr/>
            </p:nvSpPr>
            <p:spPr>
              <a:xfrm>
                <a:off x="1260538" y="1489932"/>
                <a:ext cx="258603" cy="258698"/>
              </a:xfrm>
              <a:custGeom>
                <a:avLst/>
                <a:gdLst>
                  <a:gd name="connsiteX0" fmla="*/ 115919 w 258603"/>
                  <a:gd name="connsiteY0" fmla="*/ 258699 h 258698"/>
                  <a:gd name="connsiteX1" fmla="*/ 112490 w 258603"/>
                  <a:gd name="connsiteY1" fmla="*/ 257937 h 258698"/>
                  <a:gd name="connsiteX2" fmla="*/ 106966 w 258603"/>
                  <a:gd name="connsiteY2" fmla="*/ 249650 h 258698"/>
                  <a:gd name="connsiteX3" fmla="*/ 106966 w 258603"/>
                  <a:gd name="connsiteY3" fmla="*/ 182975 h 258698"/>
                  <a:gd name="connsiteX4" fmla="*/ 102584 w 258603"/>
                  <a:gd name="connsiteY4" fmla="*/ 178594 h 258698"/>
                  <a:gd name="connsiteX5" fmla="*/ 43339 w 258603"/>
                  <a:gd name="connsiteY5" fmla="*/ 178594 h 258698"/>
                  <a:gd name="connsiteX6" fmla="*/ 34385 w 258603"/>
                  <a:gd name="connsiteY6" fmla="*/ 169640 h 258698"/>
                  <a:gd name="connsiteX7" fmla="*/ 43339 w 258603"/>
                  <a:gd name="connsiteY7" fmla="*/ 160687 h 258698"/>
                  <a:gd name="connsiteX8" fmla="*/ 115919 w 258603"/>
                  <a:gd name="connsiteY8" fmla="*/ 160687 h 258698"/>
                  <a:gd name="connsiteX9" fmla="*/ 124873 w 258603"/>
                  <a:gd name="connsiteY9" fmla="*/ 169640 h 258698"/>
                  <a:gd name="connsiteX10" fmla="*/ 124873 w 258603"/>
                  <a:gd name="connsiteY10" fmla="*/ 217265 h 258698"/>
                  <a:gd name="connsiteX11" fmla="*/ 127635 w 258603"/>
                  <a:gd name="connsiteY11" fmla="*/ 221361 h 258698"/>
                  <a:gd name="connsiteX12" fmla="*/ 129254 w 258603"/>
                  <a:gd name="connsiteY12" fmla="*/ 221361 h 258698"/>
                  <a:gd name="connsiteX13" fmla="*/ 132397 w 258603"/>
                  <a:gd name="connsiteY13" fmla="*/ 220123 h 258698"/>
                  <a:gd name="connsiteX14" fmla="*/ 189547 w 258603"/>
                  <a:gd name="connsiteY14" fmla="*/ 162973 h 258698"/>
                  <a:gd name="connsiteX15" fmla="*/ 195834 w 258603"/>
                  <a:gd name="connsiteY15" fmla="*/ 160401 h 258698"/>
                  <a:gd name="connsiteX16" fmla="*/ 235934 w 258603"/>
                  <a:gd name="connsiteY16" fmla="*/ 160401 h 258698"/>
                  <a:gd name="connsiteX17" fmla="*/ 240316 w 258603"/>
                  <a:gd name="connsiteY17" fmla="*/ 156020 h 258698"/>
                  <a:gd name="connsiteX18" fmla="*/ 240316 w 258603"/>
                  <a:gd name="connsiteY18" fmla="*/ 22670 h 258698"/>
                  <a:gd name="connsiteX19" fmla="*/ 236127 w 258603"/>
                  <a:gd name="connsiteY19" fmla="*/ 18288 h 258698"/>
                  <a:gd name="connsiteX20" fmla="*/ 235934 w 258603"/>
                  <a:gd name="connsiteY20" fmla="*/ 18288 h 258698"/>
                  <a:gd name="connsiteX21" fmla="*/ 22289 w 258603"/>
                  <a:gd name="connsiteY21" fmla="*/ 18288 h 258698"/>
                  <a:gd name="connsiteX22" fmla="*/ 17907 w 258603"/>
                  <a:gd name="connsiteY22" fmla="*/ 22670 h 258698"/>
                  <a:gd name="connsiteX23" fmla="*/ 17907 w 258603"/>
                  <a:gd name="connsiteY23" fmla="*/ 112395 h 258698"/>
                  <a:gd name="connsiteX24" fmla="*/ 8953 w 258603"/>
                  <a:gd name="connsiteY24" fmla="*/ 121349 h 258698"/>
                  <a:gd name="connsiteX25" fmla="*/ 0 w 258603"/>
                  <a:gd name="connsiteY25" fmla="*/ 112395 h 258698"/>
                  <a:gd name="connsiteX26" fmla="*/ 0 w 258603"/>
                  <a:gd name="connsiteY26" fmla="*/ 22384 h 258698"/>
                  <a:gd name="connsiteX27" fmla="*/ 22289 w 258603"/>
                  <a:gd name="connsiteY27" fmla="*/ 0 h 258698"/>
                  <a:gd name="connsiteX28" fmla="*/ 236220 w 258603"/>
                  <a:gd name="connsiteY28" fmla="*/ 0 h 258698"/>
                  <a:gd name="connsiteX29" fmla="*/ 258604 w 258603"/>
                  <a:gd name="connsiteY29" fmla="*/ 22384 h 258698"/>
                  <a:gd name="connsiteX30" fmla="*/ 258604 w 258603"/>
                  <a:gd name="connsiteY30" fmla="*/ 155734 h 258698"/>
                  <a:gd name="connsiteX31" fmla="*/ 236220 w 258603"/>
                  <a:gd name="connsiteY31" fmla="*/ 178022 h 258698"/>
                  <a:gd name="connsiteX32" fmla="*/ 201644 w 258603"/>
                  <a:gd name="connsiteY32" fmla="*/ 178022 h 258698"/>
                  <a:gd name="connsiteX33" fmla="*/ 198596 w 258603"/>
                  <a:gd name="connsiteY33" fmla="*/ 179356 h 258698"/>
                  <a:gd name="connsiteX34" fmla="*/ 122396 w 258603"/>
                  <a:gd name="connsiteY34" fmla="*/ 255556 h 258698"/>
                  <a:gd name="connsiteX35" fmla="*/ 115919 w 258603"/>
                  <a:gd name="connsiteY35" fmla="*/ 258699 h 2586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58603" h="258698">
                    <a:moveTo>
                      <a:pt x="115919" y="258699"/>
                    </a:moveTo>
                    <a:cubicBezTo>
                      <a:pt x="114736" y="258685"/>
                      <a:pt x="113568" y="258425"/>
                      <a:pt x="112490" y="257937"/>
                    </a:cubicBezTo>
                    <a:cubicBezTo>
                      <a:pt x="109087" y="256614"/>
                      <a:pt x="106878" y="253300"/>
                      <a:pt x="106966" y="249650"/>
                    </a:cubicBezTo>
                    <a:lnTo>
                      <a:pt x="106966" y="182975"/>
                    </a:lnTo>
                    <a:cubicBezTo>
                      <a:pt x="106915" y="180577"/>
                      <a:pt x="104983" y="178644"/>
                      <a:pt x="102584" y="178594"/>
                    </a:cubicBezTo>
                    <a:lnTo>
                      <a:pt x="43339" y="178594"/>
                    </a:lnTo>
                    <a:cubicBezTo>
                      <a:pt x="38393" y="178594"/>
                      <a:pt x="34385" y="174585"/>
                      <a:pt x="34385" y="169640"/>
                    </a:cubicBezTo>
                    <a:cubicBezTo>
                      <a:pt x="34385" y="164695"/>
                      <a:pt x="38393" y="160687"/>
                      <a:pt x="43339" y="160687"/>
                    </a:cubicBezTo>
                    <a:lnTo>
                      <a:pt x="115919" y="160687"/>
                    </a:lnTo>
                    <a:cubicBezTo>
                      <a:pt x="120865" y="160687"/>
                      <a:pt x="124873" y="164696"/>
                      <a:pt x="124873" y="169640"/>
                    </a:cubicBezTo>
                    <a:lnTo>
                      <a:pt x="124873" y="217265"/>
                    </a:lnTo>
                    <a:cubicBezTo>
                      <a:pt x="124862" y="219069"/>
                      <a:pt x="125959" y="220694"/>
                      <a:pt x="127635" y="221361"/>
                    </a:cubicBezTo>
                    <a:cubicBezTo>
                      <a:pt x="128170" y="221459"/>
                      <a:pt x="128719" y="221459"/>
                      <a:pt x="129254" y="221361"/>
                    </a:cubicBezTo>
                    <a:cubicBezTo>
                      <a:pt x="130426" y="221385"/>
                      <a:pt x="131557" y="220939"/>
                      <a:pt x="132397" y="220123"/>
                    </a:cubicBezTo>
                    <a:lnTo>
                      <a:pt x="189547" y="162973"/>
                    </a:lnTo>
                    <a:cubicBezTo>
                      <a:pt x="191224" y="161323"/>
                      <a:pt x="193482" y="160399"/>
                      <a:pt x="195834" y="160401"/>
                    </a:cubicBezTo>
                    <a:lnTo>
                      <a:pt x="235934" y="160401"/>
                    </a:lnTo>
                    <a:cubicBezTo>
                      <a:pt x="238355" y="160401"/>
                      <a:pt x="240316" y="158440"/>
                      <a:pt x="240316" y="156020"/>
                    </a:cubicBezTo>
                    <a:lnTo>
                      <a:pt x="240316" y="22670"/>
                    </a:lnTo>
                    <a:cubicBezTo>
                      <a:pt x="240369" y="20303"/>
                      <a:pt x="238494" y="18341"/>
                      <a:pt x="236127" y="18288"/>
                    </a:cubicBezTo>
                    <a:cubicBezTo>
                      <a:pt x="236063" y="18286"/>
                      <a:pt x="235998" y="18286"/>
                      <a:pt x="235934" y="18288"/>
                    </a:cubicBezTo>
                    <a:lnTo>
                      <a:pt x="22289" y="18288"/>
                    </a:lnTo>
                    <a:cubicBezTo>
                      <a:pt x="19868" y="18288"/>
                      <a:pt x="17907" y="20249"/>
                      <a:pt x="17907" y="22670"/>
                    </a:cubicBezTo>
                    <a:lnTo>
                      <a:pt x="17907" y="112395"/>
                    </a:lnTo>
                    <a:cubicBezTo>
                      <a:pt x="17907" y="117339"/>
                      <a:pt x="13898" y="121349"/>
                      <a:pt x="8953" y="121349"/>
                    </a:cubicBezTo>
                    <a:cubicBezTo>
                      <a:pt x="4009" y="121349"/>
                      <a:pt x="0" y="117339"/>
                      <a:pt x="0" y="112395"/>
                    </a:cubicBezTo>
                    <a:lnTo>
                      <a:pt x="0" y="22384"/>
                    </a:lnTo>
                    <a:cubicBezTo>
                      <a:pt x="0" y="10058"/>
                      <a:pt x="9963" y="52"/>
                      <a:pt x="22289" y="0"/>
                    </a:cubicBezTo>
                    <a:lnTo>
                      <a:pt x="236220" y="0"/>
                    </a:lnTo>
                    <a:cubicBezTo>
                      <a:pt x="248582" y="0"/>
                      <a:pt x="258604" y="10021"/>
                      <a:pt x="258604" y="22384"/>
                    </a:cubicBezTo>
                    <a:lnTo>
                      <a:pt x="258604" y="155734"/>
                    </a:lnTo>
                    <a:cubicBezTo>
                      <a:pt x="258551" y="168059"/>
                      <a:pt x="248545" y="178022"/>
                      <a:pt x="236220" y="178022"/>
                    </a:cubicBezTo>
                    <a:lnTo>
                      <a:pt x="201644" y="178022"/>
                    </a:lnTo>
                    <a:cubicBezTo>
                      <a:pt x="200485" y="178016"/>
                      <a:pt x="199378" y="178500"/>
                      <a:pt x="198596" y="179356"/>
                    </a:cubicBezTo>
                    <a:lnTo>
                      <a:pt x="122396" y="255556"/>
                    </a:lnTo>
                    <a:cubicBezTo>
                      <a:pt x="120731" y="257410"/>
                      <a:pt x="118406" y="258539"/>
                      <a:pt x="115919" y="258699"/>
                    </a:cubicBezTo>
                    <a:close/>
                  </a:path>
                </a:pathLst>
              </a:custGeom>
              <a:solidFill>
                <a:srgbClr val="265998"/>
              </a:solidFill>
              <a:ln w="9525" cap="flat">
                <a:noFill/>
                <a:prstDash val="solid"/>
                <a:miter/>
              </a:ln>
            </p:spPr>
            <p:txBody>
              <a:bodyPr rtlCol="0" anchor="ctr"/>
              <a:lstStyle/>
              <a:p>
                <a:endParaRPr lang="en-AU"/>
              </a:p>
            </p:txBody>
          </p:sp>
          <p:sp>
            <p:nvSpPr>
              <p:cNvPr id="155" name="Graphic 2">
                <a:extLst>
                  <a:ext uri="{FF2B5EF4-FFF2-40B4-BE49-F238E27FC236}">
                    <a16:creationId xmlns:a16="http://schemas.microsoft.com/office/drawing/2014/main" id="{73A33C61-8D2D-4571-90CA-5EEF42E96A3A}"/>
                  </a:ext>
                </a:extLst>
              </p:cNvPr>
              <p:cNvSpPr/>
              <p:nvPr/>
            </p:nvSpPr>
            <p:spPr>
              <a:xfrm>
                <a:off x="1313973" y="1543462"/>
                <a:ext cx="151257" cy="17906"/>
              </a:xfrm>
              <a:custGeom>
                <a:avLst/>
                <a:gdLst>
                  <a:gd name="connsiteX0" fmla="*/ 8954 w 151257"/>
                  <a:gd name="connsiteY0" fmla="*/ 17907 h 17906"/>
                  <a:gd name="connsiteX1" fmla="*/ 0 w 151257"/>
                  <a:gd name="connsiteY1" fmla="*/ 8954 h 17906"/>
                  <a:gd name="connsiteX2" fmla="*/ 8954 w 151257"/>
                  <a:gd name="connsiteY2" fmla="*/ 0 h 17906"/>
                  <a:gd name="connsiteX3" fmla="*/ 142304 w 151257"/>
                  <a:gd name="connsiteY3" fmla="*/ 0 h 17906"/>
                  <a:gd name="connsiteX4" fmla="*/ 151257 w 151257"/>
                  <a:gd name="connsiteY4" fmla="*/ 8954 h 17906"/>
                  <a:gd name="connsiteX5" fmla="*/ 142304 w 151257"/>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1257" h="17906">
                    <a:moveTo>
                      <a:pt x="8954" y="17907"/>
                    </a:moveTo>
                    <a:cubicBezTo>
                      <a:pt x="4008" y="17907"/>
                      <a:pt x="0" y="13898"/>
                      <a:pt x="0" y="8954"/>
                    </a:cubicBezTo>
                    <a:cubicBezTo>
                      <a:pt x="0" y="4009"/>
                      <a:pt x="4008" y="0"/>
                      <a:pt x="8954" y="0"/>
                    </a:cubicBezTo>
                    <a:lnTo>
                      <a:pt x="142304" y="0"/>
                    </a:lnTo>
                    <a:cubicBezTo>
                      <a:pt x="147248" y="0"/>
                      <a:pt x="151257" y="4009"/>
                      <a:pt x="151257" y="8954"/>
                    </a:cubicBezTo>
                    <a:cubicBezTo>
                      <a:pt x="151257" y="13898"/>
                      <a:pt x="147248" y="17907"/>
                      <a:pt x="142304" y="17907"/>
                    </a:cubicBezTo>
                    <a:close/>
                  </a:path>
                </a:pathLst>
              </a:custGeom>
              <a:solidFill>
                <a:srgbClr val="265998"/>
              </a:solidFill>
              <a:ln w="9525" cap="flat">
                <a:noFill/>
                <a:prstDash val="solid"/>
                <a:miter/>
              </a:ln>
            </p:spPr>
            <p:txBody>
              <a:bodyPr rtlCol="0" anchor="ctr"/>
              <a:lstStyle/>
              <a:p>
                <a:endParaRPr lang="en-AU"/>
              </a:p>
            </p:txBody>
          </p:sp>
          <p:sp>
            <p:nvSpPr>
              <p:cNvPr id="156" name="Graphic 2">
                <a:extLst>
                  <a:ext uri="{FF2B5EF4-FFF2-40B4-BE49-F238E27FC236}">
                    <a16:creationId xmlns:a16="http://schemas.microsoft.com/office/drawing/2014/main" id="{FBDF6522-37A5-45EB-87F8-1E1BF32091EA}"/>
                  </a:ext>
                </a:extLst>
              </p:cNvPr>
              <p:cNvSpPr/>
              <p:nvPr/>
            </p:nvSpPr>
            <p:spPr>
              <a:xfrm>
                <a:off x="1314804" y="1596849"/>
                <a:ext cx="151448" cy="18098"/>
              </a:xfrm>
              <a:custGeom>
                <a:avLst/>
                <a:gdLst>
                  <a:gd name="connsiteX0" fmla="*/ 8123 w 151448"/>
                  <a:gd name="connsiteY0" fmla="*/ 18051 h 18098"/>
                  <a:gd name="connsiteX1" fmla="*/ 48 w 151448"/>
                  <a:gd name="connsiteY1" fmla="*/ 8123 h 18098"/>
                  <a:gd name="connsiteX2" fmla="*/ 8123 w 151448"/>
                  <a:gd name="connsiteY2" fmla="*/ 48 h 18098"/>
                  <a:gd name="connsiteX3" fmla="*/ 141473 w 151448"/>
                  <a:gd name="connsiteY3" fmla="*/ 48 h 18098"/>
                  <a:gd name="connsiteX4" fmla="*/ 151400 w 151448"/>
                  <a:gd name="connsiteY4" fmla="*/ 8123 h 18098"/>
                  <a:gd name="connsiteX5" fmla="*/ 143327 w 151448"/>
                  <a:gd name="connsiteY5" fmla="*/ 18051 h 18098"/>
                  <a:gd name="connsiteX6" fmla="*/ 141473 w 151448"/>
                  <a:gd name="connsiteY6" fmla="*/ 18051 h 180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51448" h="18098">
                    <a:moveTo>
                      <a:pt x="8123" y="18051"/>
                    </a:moveTo>
                    <a:cubicBezTo>
                      <a:pt x="3152" y="17538"/>
                      <a:pt x="-463" y="13094"/>
                      <a:pt x="48" y="8123"/>
                    </a:cubicBezTo>
                    <a:cubicBezTo>
                      <a:pt x="487" y="3858"/>
                      <a:pt x="3858" y="487"/>
                      <a:pt x="8123" y="48"/>
                    </a:cubicBezTo>
                    <a:lnTo>
                      <a:pt x="141473" y="48"/>
                    </a:lnTo>
                    <a:cubicBezTo>
                      <a:pt x="146444" y="-464"/>
                      <a:pt x="150889" y="3152"/>
                      <a:pt x="151400" y="8123"/>
                    </a:cubicBezTo>
                    <a:cubicBezTo>
                      <a:pt x="151913" y="13094"/>
                      <a:pt x="148298" y="17538"/>
                      <a:pt x="143327" y="18051"/>
                    </a:cubicBezTo>
                    <a:cubicBezTo>
                      <a:pt x="142711" y="18114"/>
                      <a:pt x="142089" y="18114"/>
                      <a:pt x="141473" y="18051"/>
                    </a:cubicBezTo>
                    <a:close/>
                  </a:path>
                </a:pathLst>
              </a:custGeom>
              <a:solidFill>
                <a:srgbClr val="265998"/>
              </a:solidFill>
              <a:ln w="9525" cap="flat">
                <a:noFill/>
                <a:prstDash val="solid"/>
                <a:miter/>
              </a:ln>
            </p:spPr>
            <p:txBody>
              <a:bodyPr rtlCol="0" anchor="ctr"/>
              <a:lstStyle/>
              <a:p>
                <a:endParaRPr lang="en-AU"/>
              </a:p>
            </p:txBody>
          </p:sp>
        </p:grpSp>
        <p:grpSp>
          <p:nvGrpSpPr>
            <p:cNvPr id="157" name="Group 156">
              <a:extLst>
                <a:ext uri="{FF2B5EF4-FFF2-40B4-BE49-F238E27FC236}">
                  <a16:creationId xmlns:a16="http://schemas.microsoft.com/office/drawing/2014/main" id="{C4AA5C44-2641-4FF5-B76A-8CEF5BF32083}"/>
                </a:ext>
              </a:extLst>
            </p:cNvPr>
            <p:cNvGrpSpPr/>
            <p:nvPr/>
          </p:nvGrpSpPr>
          <p:grpSpPr>
            <a:xfrm>
              <a:off x="3108693" y="1088507"/>
              <a:ext cx="400350" cy="419100"/>
              <a:chOff x="2859826" y="3589527"/>
              <a:chExt cx="400350" cy="419100"/>
            </a:xfrm>
          </p:grpSpPr>
          <p:sp>
            <p:nvSpPr>
              <p:cNvPr id="158" name="Graphic 142">
                <a:extLst>
                  <a:ext uri="{FF2B5EF4-FFF2-40B4-BE49-F238E27FC236}">
                    <a16:creationId xmlns:a16="http://schemas.microsoft.com/office/drawing/2014/main" id="{A5463B11-02A0-46F8-BF18-57FC34A36E39}"/>
                  </a:ext>
                  <a:ext uri="{C183D7F6-B498-43B3-948B-1728B52AA6E4}">
                    <adec:decorative xmlns:adec="http://schemas.microsoft.com/office/drawing/2017/decorative" val="1"/>
                  </a:ext>
                </a:extLst>
              </p:cNvPr>
              <p:cNvSpPr/>
              <p:nvPr/>
            </p:nvSpPr>
            <p:spPr>
              <a:xfrm>
                <a:off x="2920936" y="3595909"/>
                <a:ext cx="278510" cy="276415"/>
              </a:xfrm>
              <a:custGeom>
                <a:avLst/>
                <a:gdLst>
                  <a:gd name="connsiteX0" fmla="*/ 278511 w 278510"/>
                  <a:gd name="connsiteY0" fmla="*/ 138208 h 276415"/>
                  <a:gd name="connsiteX1" fmla="*/ 139255 w 278510"/>
                  <a:gd name="connsiteY1" fmla="*/ 276416 h 276415"/>
                  <a:gd name="connsiteX2" fmla="*/ 0 w 278510"/>
                  <a:gd name="connsiteY2" fmla="*/ 138208 h 276415"/>
                  <a:gd name="connsiteX3" fmla="*/ 139255 w 278510"/>
                  <a:gd name="connsiteY3" fmla="*/ 0 h 276415"/>
                  <a:gd name="connsiteX4" fmla="*/ 278511 w 278510"/>
                  <a:gd name="connsiteY4" fmla="*/ 138208 h 27641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510" h="276415">
                    <a:moveTo>
                      <a:pt x="278511" y="138208"/>
                    </a:moveTo>
                    <a:cubicBezTo>
                      <a:pt x="278511" y="214538"/>
                      <a:pt x="216164" y="276416"/>
                      <a:pt x="139255" y="276416"/>
                    </a:cubicBezTo>
                    <a:cubicBezTo>
                      <a:pt x="62347" y="276416"/>
                      <a:pt x="0" y="214538"/>
                      <a:pt x="0" y="138208"/>
                    </a:cubicBezTo>
                    <a:cubicBezTo>
                      <a:pt x="0" y="61878"/>
                      <a:pt x="62347" y="0"/>
                      <a:pt x="139255" y="0"/>
                    </a:cubicBezTo>
                    <a:cubicBezTo>
                      <a:pt x="216164" y="0"/>
                      <a:pt x="278511" y="61878"/>
                      <a:pt x="278511" y="138208"/>
                    </a:cubicBezTo>
                    <a:close/>
                  </a:path>
                </a:pathLst>
              </a:custGeom>
              <a:solidFill>
                <a:srgbClr val="C7E4F1"/>
              </a:solidFill>
              <a:ln w="9525" cap="flat">
                <a:noFill/>
                <a:prstDash val="solid"/>
                <a:miter/>
              </a:ln>
            </p:spPr>
            <p:txBody>
              <a:bodyPr rtlCol="0" anchor="ctr"/>
              <a:lstStyle/>
              <a:p>
                <a:endParaRPr lang="en-AU"/>
              </a:p>
            </p:txBody>
          </p:sp>
          <p:sp>
            <p:nvSpPr>
              <p:cNvPr id="159" name="Graphic 142">
                <a:extLst>
                  <a:ext uri="{FF2B5EF4-FFF2-40B4-BE49-F238E27FC236}">
                    <a16:creationId xmlns:a16="http://schemas.microsoft.com/office/drawing/2014/main" id="{54D3D19A-9EF6-4B70-A35B-54E267CA039B}"/>
                  </a:ext>
                </a:extLst>
              </p:cNvPr>
              <p:cNvSpPr/>
              <p:nvPr/>
            </p:nvSpPr>
            <p:spPr>
              <a:xfrm>
                <a:off x="2997708" y="3882326"/>
                <a:ext cx="124967" cy="75056"/>
              </a:xfrm>
              <a:custGeom>
                <a:avLst/>
                <a:gdLst>
                  <a:gd name="connsiteX0" fmla="*/ 0 w 124967"/>
                  <a:gd name="connsiteY0" fmla="*/ 0 h 75056"/>
                  <a:gd name="connsiteX1" fmla="*/ 124968 w 124967"/>
                  <a:gd name="connsiteY1" fmla="*/ 0 h 75056"/>
                  <a:gd name="connsiteX2" fmla="*/ 124968 w 124967"/>
                  <a:gd name="connsiteY2" fmla="*/ 75057 h 75056"/>
                  <a:gd name="connsiteX3" fmla="*/ 0 w 124967"/>
                  <a:gd name="connsiteY3" fmla="*/ 75057 h 75056"/>
                </a:gdLst>
                <a:ahLst/>
                <a:cxnLst>
                  <a:cxn ang="0">
                    <a:pos x="connsiteX0" y="connsiteY0"/>
                  </a:cxn>
                  <a:cxn ang="0">
                    <a:pos x="connsiteX1" y="connsiteY1"/>
                  </a:cxn>
                  <a:cxn ang="0">
                    <a:pos x="connsiteX2" y="connsiteY2"/>
                  </a:cxn>
                  <a:cxn ang="0">
                    <a:pos x="connsiteX3" y="connsiteY3"/>
                  </a:cxn>
                </a:cxnLst>
                <a:rect l="l" t="t" r="r" b="b"/>
                <a:pathLst>
                  <a:path w="124967" h="75056">
                    <a:moveTo>
                      <a:pt x="0" y="0"/>
                    </a:moveTo>
                    <a:lnTo>
                      <a:pt x="124968" y="0"/>
                    </a:lnTo>
                    <a:lnTo>
                      <a:pt x="124968" y="75057"/>
                    </a:lnTo>
                    <a:lnTo>
                      <a:pt x="0" y="75057"/>
                    </a:lnTo>
                    <a:close/>
                  </a:path>
                </a:pathLst>
              </a:custGeom>
              <a:solidFill>
                <a:srgbClr val="C7E4F1"/>
              </a:solidFill>
              <a:ln w="9525" cap="flat">
                <a:noFill/>
                <a:prstDash val="solid"/>
                <a:miter/>
              </a:ln>
            </p:spPr>
            <p:txBody>
              <a:bodyPr rtlCol="0" anchor="ctr"/>
              <a:lstStyle/>
              <a:p>
                <a:endParaRPr lang="en-AU"/>
              </a:p>
            </p:txBody>
          </p:sp>
          <p:sp>
            <p:nvSpPr>
              <p:cNvPr id="160" name="Graphic 142">
                <a:extLst>
                  <a:ext uri="{FF2B5EF4-FFF2-40B4-BE49-F238E27FC236}">
                    <a16:creationId xmlns:a16="http://schemas.microsoft.com/office/drawing/2014/main" id="{57429B3E-7B6C-4FC2-8424-C815F8ED9F18}"/>
                  </a:ext>
                </a:extLst>
              </p:cNvPr>
              <p:cNvSpPr/>
              <p:nvPr/>
            </p:nvSpPr>
            <p:spPr>
              <a:xfrm>
                <a:off x="3037236" y="3963384"/>
                <a:ext cx="43434" cy="29432"/>
              </a:xfrm>
              <a:custGeom>
                <a:avLst/>
                <a:gdLst>
                  <a:gd name="connsiteX0" fmla="*/ 0 w 43434"/>
                  <a:gd name="connsiteY0" fmla="*/ 0 h 29432"/>
                  <a:gd name="connsiteX1" fmla="*/ 43434 w 43434"/>
                  <a:gd name="connsiteY1" fmla="*/ 0 h 29432"/>
                  <a:gd name="connsiteX2" fmla="*/ 43434 w 43434"/>
                  <a:gd name="connsiteY2" fmla="*/ 29432 h 29432"/>
                  <a:gd name="connsiteX3" fmla="*/ 0 w 43434"/>
                  <a:gd name="connsiteY3" fmla="*/ 29432 h 29432"/>
                </a:gdLst>
                <a:ahLst/>
                <a:cxnLst>
                  <a:cxn ang="0">
                    <a:pos x="connsiteX0" y="connsiteY0"/>
                  </a:cxn>
                  <a:cxn ang="0">
                    <a:pos x="connsiteX1" y="connsiteY1"/>
                  </a:cxn>
                  <a:cxn ang="0">
                    <a:pos x="connsiteX2" y="connsiteY2"/>
                  </a:cxn>
                  <a:cxn ang="0">
                    <a:pos x="connsiteX3" y="connsiteY3"/>
                  </a:cxn>
                </a:cxnLst>
                <a:rect l="l" t="t" r="r" b="b"/>
                <a:pathLst>
                  <a:path w="43434" h="29432">
                    <a:moveTo>
                      <a:pt x="0" y="0"/>
                    </a:moveTo>
                    <a:lnTo>
                      <a:pt x="43434" y="0"/>
                    </a:lnTo>
                    <a:lnTo>
                      <a:pt x="43434" y="29432"/>
                    </a:lnTo>
                    <a:lnTo>
                      <a:pt x="0" y="29432"/>
                    </a:lnTo>
                    <a:close/>
                  </a:path>
                </a:pathLst>
              </a:custGeom>
              <a:solidFill>
                <a:srgbClr val="66B9DA"/>
              </a:solidFill>
              <a:ln w="9525" cap="flat">
                <a:noFill/>
                <a:prstDash val="solid"/>
                <a:miter/>
              </a:ln>
            </p:spPr>
            <p:txBody>
              <a:bodyPr rtlCol="0" anchor="ctr"/>
              <a:lstStyle/>
              <a:p>
                <a:endParaRPr lang="en-AU"/>
              </a:p>
            </p:txBody>
          </p:sp>
          <p:sp>
            <p:nvSpPr>
              <p:cNvPr id="161" name="Graphic 142">
                <a:extLst>
                  <a:ext uri="{FF2B5EF4-FFF2-40B4-BE49-F238E27FC236}">
                    <a16:creationId xmlns:a16="http://schemas.microsoft.com/office/drawing/2014/main" id="{131C9C40-E408-4E02-8767-5F535E2C31E8}"/>
                  </a:ext>
                </a:extLst>
              </p:cNvPr>
              <p:cNvSpPr/>
              <p:nvPr/>
            </p:nvSpPr>
            <p:spPr>
              <a:xfrm>
                <a:off x="2904077" y="3589527"/>
                <a:ext cx="312134" cy="258699"/>
              </a:xfrm>
              <a:custGeom>
                <a:avLst/>
                <a:gdLst>
                  <a:gd name="connsiteX0" fmla="*/ 258985 w 312134"/>
                  <a:gd name="connsiteY0" fmla="*/ 258699 h 258699"/>
                  <a:gd name="connsiteX1" fmla="*/ 252413 w 312134"/>
                  <a:gd name="connsiteY1" fmla="*/ 255842 h 258699"/>
                  <a:gd name="connsiteX2" fmla="*/ 250031 w 312134"/>
                  <a:gd name="connsiteY2" fmla="*/ 249365 h 258699"/>
                  <a:gd name="connsiteX3" fmla="*/ 252889 w 312134"/>
                  <a:gd name="connsiteY3" fmla="*/ 243078 h 258699"/>
                  <a:gd name="connsiteX4" fmla="*/ 294227 w 312134"/>
                  <a:gd name="connsiteY4" fmla="*/ 149352 h 258699"/>
                  <a:gd name="connsiteX5" fmla="*/ 156115 w 312134"/>
                  <a:gd name="connsiteY5" fmla="*/ 18002 h 258699"/>
                  <a:gd name="connsiteX6" fmla="*/ 18002 w 312134"/>
                  <a:gd name="connsiteY6" fmla="*/ 149352 h 258699"/>
                  <a:gd name="connsiteX7" fmla="*/ 55531 w 312134"/>
                  <a:gd name="connsiteY7" fmla="*/ 239459 h 258699"/>
                  <a:gd name="connsiteX8" fmla="*/ 58103 w 312134"/>
                  <a:gd name="connsiteY8" fmla="*/ 245840 h 258699"/>
                  <a:gd name="connsiteX9" fmla="*/ 55436 w 312134"/>
                  <a:gd name="connsiteY9" fmla="*/ 252127 h 258699"/>
                  <a:gd name="connsiteX10" fmla="*/ 49149 w 312134"/>
                  <a:gd name="connsiteY10" fmla="*/ 254794 h 258699"/>
                  <a:gd name="connsiteX11" fmla="*/ 42767 w 312134"/>
                  <a:gd name="connsiteY11" fmla="*/ 252127 h 258699"/>
                  <a:gd name="connsiteX12" fmla="*/ 0 w 312134"/>
                  <a:gd name="connsiteY12" fmla="*/ 149352 h 258699"/>
                  <a:gd name="connsiteX13" fmla="*/ 156115 w 312134"/>
                  <a:gd name="connsiteY13" fmla="*/ 0 h 258699"/>
                  <a:gd name="connsiteX14" fmla="*/ 312134 w 312134"/>
                  <a:gd name="connsiteY14" fmla="*/ 149352 h 258699"/>
                  <a:gd name="connsiteX15" fmla="*/ 265176 w 312134"/>
                  <a:gd name="connsiteY15" fmla="*/ 256223 h 258699"/>
                  <a:gd name="connsiteX16" fmla="*/ 258985 w 312134"/>
                  <a:gd name="connsiteY16" fmla="*/ 258699 h 258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12134" h="258699">
                    <a:moveTo>
                      <a:pt x="258985" y="258699"/>
                    </a:moveTo>
                    <a:cubicBezTo>
                      <a:pt x="256508" y="258642"/>
                      <a:pt x="254146" y="257613"/>
                      <a:pt x="252413" y="255842"/>
                    </a:cubicBezTo>
                    <a:cubicBezTo>
                      <a:pt x="250841" y="254060"/>
                      <a:pt x="249984" y="251746"/>
                      <a:pt x="250031" y="249365"/>
                    </a:cubicBezTo>
                    <a:cubicBezTo>
                      <a:pt x="250165" y="246983"/>
                      <a:pt x="251184" y="244745"/>
                      <a:pt x="252889" y="243078"/>
                    </a:cubicBezTo>
                    <a:cubicBezTo>
                      <a:pt x="279206" y="219018"/>
                      <a:pt x="294208" y="185014"/>
                      <a:pt x="294227" y="149352"/>
                    </a:cubicBezTo>
                    <a:cubicBezTo>
                      <a:pt x="294227" y="76962"/>
                      <a:pt x="232219" y="18002"/>
                      <a:pt x="156115" y="18002"/>
                    </a:cubicBezTo>
                    <a:cubicBezTo>
                      <a:pt x="80010" y="18002"/>
                      <a:pt x="18002" y="76962"/>
                      <a:pt x="18002" y="149352"/>
                    </a:cubicBezTo>
                    <a:cubicBezTo>
                      <a:pt x="18088" y="183175"/>
                      <a:pt x="31585" y="215580"/>
                      <a:pt x="55531" y="239459"/>
                    </a:cubicBezTo>
                    <a:cubicBezTo>
                      <a:pt x="57150" y="241192"/>
                      <a:pt x="58074" y="243469"/>
                      <a:pt x="58103" y="245840"/>
                    </a:cubicBezTo>
                    <a:cubicBezTo>
                      <a:pt x="58112" y="248212"/>
                      <a:pt x="57150" y="250488"/>
                      <a:pt x="55436" y="252127"/>
                    </a:cubicBezTo>
                    <a:cubicBezTo>
                      <a:pt x="53788" y="253832"/>
                      <a:pt x="51521" y="254794"/>
                      <a:pt x="49149" y="254794"/>
                    </a:cubicBezTo>
                    <a:cubicBezTo>
                      <a:pt x="46739" y="254832"/>
                      <a:pt x="44434" y="253860"/>
                      <a:pt x="42767" y="252127"/>
                    </a:cubicBezTo>
                    <a:cubicBezTo>
                      <a:pt x="15449" y="224895"/>
                      <a:pt x="67" y="187928"/>
                      <a:pt x="0" y="149352"/>
                    </a:cubicBezTo>
                    <a:cubicBezTo>
                      <a:pt x="0" y="67056"/>
                      <a:pt x="70009" y="0"/>
                      <a:pt x="156115" y="0"/>
                    </a:cubicBezTo>
                    <a:cubicBezTo>
                      <a:pt x="242221" y="0"/>
                      <a:pt x="312134" y="66675"/>
                      <a:pt x="312134" y="149352"/>
                    </a:cubicBezTo>
                    <a:cubicBezTo>
                      <a:pt x="312125" y="189976"/>
                      <a:pt x="295094" y="228743"/>
                      <a:pt x="265176" y="256223"/>
                    </a:cubicBezTo>
                    <a:cubicBezTo>
                      <a:pt x="263509" y="257813"/>
                      <a:pt x="261290" y="258699"/>
                      <a:pt x="258985" y="258699"/>
                    </a:cubicBezTo>
                    <a:close/>
                  </a:path>
                </a:pathLst>
              </a:custGeom>
              <a:solidFill>
                <a:srgbClr val="265999"/>
              </a:solidFill>
              <a:ln w="9525" cap="flat">
                <a:noFill/>
                <a:prstDash val="solid"/>
                <a:miter/>
              </a:ln>
            </p:spPr>
            <p:txBody>
              <a:bodyPr rtlCol="0" anchor="ctr"/>
              <a:lstStyle/>
              <a:p>
                <a:endParaRPr lang="en-AU"/>
              </a:p>
            </p:txBody>
          </p:sp>
          <p:sp>
            <p:nvSpPr>
              <p:cNvPr id="162" name="Graphic 142">
                <a:extLst>
                  <a:ext uri="{FF2B5EF4-FFF2-40B4-BE49-F238E27FC236}">
                    <a16:creationId xmlns:a16="http://schemas.microsoft.com/office/drawing/2014/main" id="{799D8B0A-9FDF-4605-82CB-379D335ADFC4}"/>
                  </a:ext>
                </a:extLst>
              </p:cNvPr>
              <p:cNvSpPr/>
              <p:nvPr/>
            </p:nvSpPr>
            <p:spPr>
              <a:xfrm>
                <a:off x="2997679" y="3696493"/>
                <a:ext cx="124845" cy="71437"/>
              </a:xfrm>
              <a:custGeom>
                <a:avLst/>
                <a:gdLst>
                  <a:gd name="connsiteX0" fmla="*/ 89183 w 124845"/>
                  <a:gd name="connsiteY0" fmla="*/ 71438 h 71437"/>
                  <a:gd name="connsiteX1" fmla="*/ 81182 w 124845"/>
                  <a:gd name="connsiteY1" fmla="*/ 66485 h 71437"/>
                  <a:gd name="connsiteX2" fmla="*/ 66418 w 124845"/>
                  <a:gd name="connsiteY2" fmla="*/ 36957 h 71437"/>
                  <a:gd name="connsiteX3" fmla="*/ 60579 w 124845"/>
                  <a:gd name="connsiteY3" fmla="*/ 34890 h 71437"/>
                  <a:gd name="connsiteX4" fmla="*/ 58512 w 124845"/>
                  <a:gd name="connsiteY4" fmla="*/ 36957 h 71437"/>
                  <a:gd name="connsiteX5" fmla="*/ 43749 w 124845"/>
                  <a:gd name="connsiteY5" fmla="*/ 66485 h 71437"/>
                  <a:gd name="connsiteX6" fmla="*/ 35748 w 124845"/>
                  <a:gd name="connsiteY6" fmla="*/ 70866 h 71437"/>
                  <a:gd name="connsiteX7" fmla="*/ 27651 w 124845"/>
                  <a:gd name="connsiteY7" fmla="*/ 66485 h 71437"/>
                  <a:gd name="connsiteX8" fmla="*/ 982 w 124845"/>
                  <a:gd name="connsiteY8" fmla="*/ 13049 h 71437"/>
                  <a:gd name="connsiteX9" fmla="*/ 4887 w 124845"/>
                  <a:gd name="connsiteY9" fmla="*/ 1000 h 71437"/>
                  <a:gd name="connsiteX10" fmla="*/ 4982 w 124845"/>
                  <a:gd name="connsiteY10" fmla="*/ 953 h 71437"/>
                  <a:gd name="connsiteX11" fmla="*/ 8982 w 124845"/>
                  <a:gd name="connsiteY11" fmla="*/ 0 h 71437"/>
                  <a:gd name="connsiteX12" fmla="*/ 16983 w 124845"/>
                  <a:gd name="connsiteY12" fmla="*/ 4953 h 71437"/>
                  <a:gd name="connsiteX13" fmla="*/ 31842 w 124845"/>
                  <a:gd name="connsiteY13" fmla="*/ 34576 h 71437"/>
                  <a:gd name="connsiteX14" fmla="*/ 35748 w 124845"/>
                  <a:gd name="connsiteY14" fmla="*/ 36957 h 71437"/>
                  <a:gd name="connsiteX15" fmla="*/ 39653 w 124845"/>
                  <a:gd name="connsiteY15" fmla="*/ 34576 h 71437"/>
                  <a:gd name="connsiteX16" fmla="*/ 54417 w 124845"/>
                  <a:gd name="connsiteY16" fmla="*/ 4953 h 71437"/>
                  <a:gd name="connsiteX17" fmla="*/ 67561 w 124845"/>
                  <a:gd name="connsiteY17" fmla="*/ 2000 h 71437"/>
                  <a:gd name="connsiteX18" fmla="*/ 70514 w 124845"/>
                  <a:gd name="connsiteY18" fmla="*/ 4953 h 71437"/>
                  <a:gd name="connsiteX19" fmla="*/ 85278 w 124845"/>
                  <a:gd name="connsiteY19" fmla="*/ 34576 h 71437"/>
                  <a:gd name="connsiteX20" fmla="*/ 91336 w 124845"/>
                  <a:gd name="connsiteY20" fmla="*/ 36424 h 71437"/>
                  <a:gd name="connsiteX21" fmla="*/ 93183 w 124845"/>
                  <a:gd name="connsiteY21" fmla="*/ 34576 h 71437"/>
                  <a:gd name="connsiteX22" fmla="*/ 107947 w 124845"/>
                  <a:gd name="connsiteY22" fmla="*/ 4953 h 71437"/>
                  <a:gd name="connsiteX23" fmla="*/ 115948 w 124845"/>
                  <a:gd name="connsiteY23" fmla="*/ 0 h 71437"/>
                  <a:gd name="connsiteX24" fmla="*/ 120044 w 124845"/>
                  <a:gd name="connsiteY24" fmla="*/ 953 h 71437"/>
                  <a:gd name="connsiteX25" fmla="*/ 124044 w 124845"/>
                  <a:gd name="connsiteY25" fmla="*/ 13049 h 71437"/>
                  <a:gd name="connsiteX26" fmla="*/ 97279 w 124845"/>
                  <a:gd name="connsiteY26" fmla="*/ 66485 h 71437"/>
                  <a:gd name="connsiteX27" fmla="*/ 89183 w 124845"/>
                  <a:gd name="connsiteY27" fmla="*/ 71438 h 71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24845" h="71437">
                    <a:moveTo>
                      <a:pt x="89183" y="71438"/>
                    </a:moveTo>
                    <a:cubicBezTo>
                      <a:pt x="85783" y="71457"/>
                      <a:pt x="82677" y="69533"/>
                      <a:pt x="81182" y="66485"/>
                    </a:cubicBezTo>
                    <a:lnTo>
                      <a:pt x="66418" y="36957"/>
                    </a:lnTo>
                    <a:cubicBezTo>
                      <a:pt x="65370" y="34776"/>
                      <a:pt x="62761" y="33852"/>
                      <a:pt x="60579" y="34890"/>
                    </a:cubicBezTo>
                    <a:cubicBezTo>
                      <a:pt x="59674" y="35329"/>
                      <a:pt x="58941" y="36052"/>
                      <a:pt x="58512" y="36957"/>
                    </a:cubicBezTo>
                    <a:lnTo>
                      <a:pt x="43749" y="66485"/>
                    </a:lnTo>
                    <a:cubicBezTo>
                      <a:pt x="42129" y="69342"/>
                      <a:pt x="39034" y="71038"/>
                      <a:pt x="35748" y="70866"/>
                    </a:cubicBezTo>
                    <a:cubicBezTo>
                      <a:pt x="32443" y="71028"/>
                      <a:pt x="29318" y="69342"/>
                      <a:pt x="27651" y="66485"/>
                    </a:cubicBezTo>
                    <a:lnTo>
                      <a:pt x="982" y="13049"/>
                    </a:lnTo>
                    <a:cubicBezTo>
                      <a:pt x="-1266" y="8649"/>
                      <a:pt x="477" y="3248"/>
                      <a:pt x="4887" y="1000"/>
                    </a:cubicBezTo>
                    <a:cubicBezTo>
                      <a:pt x="4915" y="991"/>
                      <a:pt x="4944" y="972"/>
                      <a:pt x="4982" y="953"/>
                    </a:cubicBezTo>
                    <a:cubicBezTo>
                      <a:pt x="6230" y="343"/>
                      <a:pt x="7592" y="19"/>
                      <a:pt x="8982" y="0"/>
                    </a:cubicBezTo>
                    <a:cubicBezTo>
                      <a:pt x="12383" y="-19"/>
                      <a:pt x="15488" y="1905"/>
                      <a:pt x="16983" y="4953"/>
                    </a:cubicBezTo>
                    <a:lnTo>
                      <a:pt x="31842" y="34576"/>
                    </a:lnTo>
                    <a:cubicBezTo>
                      <a:pt x="32576" y="36052"/>
                      <a:pt x="34100" y="36986"/>
                      <a:pt x="35748" y="36957"/>
                    </a:cubicBezTo>
                    <a:cubicBezTo>
                      <a:pt x="37386" y="36938"/>
                      <a:pt x="38881" y="36024"/>
                      <a:pt x="39653" y="34576"/>
                    </a:cubicBezTo>
                    <a:lnTo>
                      <a:pt x="54417" y="4953"/>
                    </a:lnTo>
                    <a:cubicBezTo>
                      <a:pt x="57227" y="505"/>
                      <a:pt x="63113" y="-819"/>
                      <a:pt x="67561" y="2000"/>
                    </a:cubicBezTo>
                    <a:cubicBezTo>
                      <a:pt x="68752" y="2753"/>
                      <a:pt x="69761" y="3762"/>
                      <a:pt x="70514" y="4953"/>
                    </a:cubicBezTo>
                    <a:lnTo>
                      <a:pt x="85278" y="34576"/>
                    </a:lnTo>
                    <a:cubicBezTo>
                      <a:pt x="86440" y="36757"/>
                      <a:pt x="89145" y="37586"/>
                      <a:pt x="91336" y="36424"/>
                    </a:cubicBezTo>
                    <a:cubicBezTo>
                      <a:pt x="92117" y="36005"/>
                      <a:pt x="92764" y="35367"/>
                      <a:pt x="93183" y="34576"/>
                    </a:cubicBezTo>
                    <a:lnTo>
                      <a:pt x="107947" y="4953"/>
                    </a:lnTo>
                    <a:cubicBezTo>
                      <a:pt x="109443" y="1905"/>
                      <a:pt x="112548" y="-19"/>
                      <a:pt x="115948" y="0"/>
                    </a:cubicBezTo>
                    <a:cubicBezTo>
                      <a:pt x="117367" y="29"/>
                      <a:pt x="118758" y="352"/>
                      <a:pt x="120044" y="953"/>
                    </a:cubicBezTo>
                    <a:cubicBezTo>
                      <a:pt x="124273" y="3372"/>
                      <a:pt x="125997" y="8592"/>
                      <a:pt x="124044" y="13049"/>
                    </a:cubicBezTo>
                    <a:lnTo>
                      <a:pt x="97279" y="66485"/>
                    </a:lnTo>
                    <a:cubicBezTo>
                      <a:pt x="95650" y="69456"/>
                      <a:pt x="92574" y="71342"/>
                      <a:pt x="89183" y="71438"/>
                    </a:cubicBezTo>
                    <a:close/>
                  </a:path>
                </a:pathLst>
              </a:custGeom>
              <a:solidFill>
                <a:srgbClr val="265999"/>
              </a:solidFill>
              <a:ln w="9525" cap="flat">
                <a:noFill/>
                <a:prstDash val="solid"/>
                <a:miter/>
              </a:ln>
            </p:spPr>
            <p:txBody>
              <a:bodyPr rtlCol="0" anchor="ctr"/>
              <a:lstStyle/>
              <a:p>
                <a:endParaRPr lang="en-AU"/>
              </a:p>
            </p:txBody>
          </p:sp>
          <p:sp>
            <p:nvSpPr>
              <p:cNvPr id="163" name="Graphic 142">
                <a:extLst>
                  <a:ext uri="{FF2B5EF4-FFF2-40B4-BE49-F238E27FC236}">
                    <a16:creationId xmlns:a16="http://schemas.microsoft.com/office/drawing/2014/main" id="{A0BD1871-38A1-4959-B49A-CA7A505EF041}"/>
                  </a:ext>
                </a:extLst>
              </p:cNvPr>
              <p:cNvSpPr/>
              <p:nvPr/>
            </p:nvSpPr>
            <p:spPr>
              <a:xfrm>
                <a:off x="2983961" y="3802534"/>
                <a:ext cx="152365" cy="206093"/>
              </a:xfrm>
              <a:custGeom>
                <a:avLst/>
                <a:gdLst>
                  <a:gd name="connsiteX0" fmla="*/ 76230 w 152365"/>
                  <a:gd name="connsiteY0" fmla="*/ 206093 h 206093"/>
                  <a:gd name="connsiteX1" fmla="*/ 40512 w 152365"/>
                  <a:gd name="connsiteY1" fmla="*/ 170375 h 206093"/>
                  <a:gd name="connsiteX2" fmla="*/ 36035 w 152365"/>
                  <a:gd name="connsiteY2" fmla="*/ 165993 h 206093"/>
                  <a:gd name="connsiteX3" fmla="*/ 29367 w 152365"/>
                  <a:gd name="connsiteY3" fmla="*/ 165993 h 206093"/>
                  <a:gd name="connsiteX4" fmla="*/ 11 w 152365"/>
                  <a:gd name="connsiteY4" fmla="*/ 138219 h 206093"/>
                  <a:gd name="connsiteX5" fmla="*/ 6317 w 152365"/>
                  <a:gd name="connsiteY5" fmla="*/ 119511 h 206093"/>
                  <a:gd name="connsiteX6" fmla="*/ 6317 w 152365"/>
                  <a:gd name="connsiteY6" fmla="*/ 114273 h 206093"/>
                  <a:gd name="connsiteX7" fmla="*/ 316 w 152365"/>
                  <a:gd name="connsiteY7" fmla="*/ 96842 h 206093"/>
                  <a:gd name="connsiteX8" fmla="*/ 29367 w 152365"/>
                  <a:gd name="connsiteY8" fmla="*/ 67791 h 206093"/>
                  <a:gd name="connsiteX9" fmla="*/ 36035 w 152365"/>
                  <a:gd name="connsiteY9" fmla="*/ 67791 h 206093"/>
                  <a:gd name="connsiteX10" fmla="*/ 40512 w 152365"/>
                  <a:gd name="connsiteY10" fmla="*/ 63504 h 206093"/>
                  <a:gd name="connsiteX11" fmla="*/ 40512 w 152365"/>
                  <a:gd name="connsiteY11" fmla="*/ 63409 h 206093"/>
                  <a:gd name="connsiteX12" fmla="*/ 40512 w 152365"/>
                  <a:gd name="connsiteY12" fmla="*/ 9974 h 206093"/>
                  <a:gd name="connsiteX13" fmla="*/ 49465 w 152365"/>
                  <a:gd name="connsiteY13" fmla="*/ 1020 h 206093"/>
                  <a:gd name="connsiteX14" fmla="*/ 58419 w 152365"/>
                  <a:gd name="connsiteY14" fmla="*/ 9974 h 206093"/>
                  <a:gd name="connsiteX15" fmla="*/ 58419 w 152365"/>
                  <a:gd name="connsiteY15" fmla="*/ 63409 h 206093"/>
                  <a:gd name="connsiteX16" fmla="*/ 62800 w 152365"/>
                  <a:gd name="connsiteY16" fmla="*/ 67791 h 206093"/>
                  <a:gd name="connsiteX17" fmla="*/ 89565 w 152365"/>
                  <a:gd name="connsiteY17" fmla="*/ 67791 h 206093"/>
                  <a:gd name="connsiteX18" fmla="*/ 93947 w 152365"/>
                  <a:gd name="connsiteY18" fmla="*/ 63409 h 206093"/>
                  <a:gd name="connsiteX19" fmla="*/ 93947 w 152365"/>
                  <a:gd name="connsiteY19" fmla="*/ 9974 h 206093"/>
                  <a:gd name="connsiteX20" fmla="*/ 102024 w 152365"/>
                  <a:gd name="connsiteY20" fmla="*/ 49 h 206093"/>
                  <a:gd name="connsiteX21" fmla="*/ 111949 w 152365"/>
                  <a:gd name="connsiteY21" fmla="*/ 8116 h 206093"/>
                  <a:gd name="connsiteX22" fmla="*/ 111949 w 152365"/>
                  <a:gd name="connsiteY22" fmla="*/ 9974 h 206093"/>
                  <a:gd name="connsiteX23" fmla="*/ 111949 w 152365"/>
                  <a:gd name="connsiteY23" fmla="*/ 63409 h 206093"/>
                  <a:gd name="connsiteX24" fmla="*/ 116140 w 152365"/>
                  <a:gd name="connsiteY24" fmla="*/ 67791 h 206093"/>
                  <a:gd name="connsiteX25" fmla="*/ 116331 w 152365"/>
                  <a:gd name="connsiteY25" fmla="*/ 67791 h 206093"/>
                  <a:gd name="connsiteX26" fmla="*/ 122998 w 152365"/>
                  <a:gd name="connsiteY26" fmla="*/ 67791 h 206093"/>
                  <a:gd name="connsiteX27" fmla="*/ 152049 w 152365"/>
                  <a:gd name="connsiteY27" fmla="*/ 96842 h 206093"/>
                  <a:gd name="connsiteX28" fmla="*/ 146048 w 152365"/>
                  <a:gd name="connsiteY28" fmla="*/ 114273 h 206093"/>
                  <a:gd name="connsiteX29" fmla="*/ 146048 w 152365"/>
                  <a:gd name="connsiteY29" fmla="*/ 119511 h 206093"/>
                  <a:gd name="connsiteX30" fmla="*/ 141705 w 152365"/>
                  <a:gd name="connsiteY30" fmla="*/ 159688 h 206093"/>
                  <a:gd name="connsiteX31" fmla="*/ 122998 w 152365"/>
                  <a:gd name="connsiteY31" fmla="*/ 165993 h 206093"/>
                  <a:gd name="connsiteX32" fmla="*/ 116331 w 152365"/>
                  <a:gd name="connsiteY32" fmla="*/ 165993 h 206093"/>
                  <a:gd name="connsiteX33" fmla="*/ 111949 w 152365"/>
                  <a:gd name="connsiteY33" fmla="*/ 170375 h 206093"/>
                  <a:gd name="connsiteX34" fmla="*/ 76230 w 152365"/>
                  <a:gd name="connsiteY34" fmla="*/ 206093 h 206093"/>
                  <a:gd name="connsiteX35" fmla="*/ 62800 w 152365"/>
                  <a:gd name="connsiteY35" fmla="*/ 165993 h 206093"/>
                  <a:gd name="connsiteX36" fmla="*/ 58419 w 152365"/>
                  <a:gd name="connsiteY36" fmla="*/ 170375 h 206093"/>
                  <a:gd name="connsiteX37" fmla="*/ 74878 w 152365"/>
                  <a:gd name="connsiteY37" fmla="*/ 189444 h 206093"/>
                  <a:gd name="connsiteX38" fmla="*/ 93947 w 152365"/>
                  <a:gd name="connsiteY38" fmla="*/ 172975 h 206093"/>
                  <a:gd name="connsiteX39" fmla="*/ 93947 w 152365"/>
                  <a:gd name="connsiteY39" fmla="*/ 170375 h 206093"/>
                  <a:gd name="connsiteX40" fmla="*/ 89565 w 152365"/>
                  <a:gd name="connsiteY40" fmla="*/ 165993 h 206093"/>
                  <a:gd name="connsiteX41" fmla="*/ 29367 w 152365"/>
                  <a:gd name="connsiteY41" fmla="*/ 125893 h 206093"/>
                  <a:gd name="connsiteX42" fmla="*/ 18318 w 152365"/>
                  <a:gd name="connsiteY42" fmla="*/ 136942 h 206093"/>
                  <a:gd name="connsiteX43" fmla="*/ 29367 w 152365"/>
                  <a:gd name="connsiteY43" fmla="*/ 147991 h 206093"/>
                  <a:gd name="connsiteX44" fmla="*/ 122998 w 152365"/>
                  <a:gd name="connsiteY44" fmla="*/ 147991 h 206093"/>
                  <a:gd name="connsiteX45" fmla="*/ 134047 w 152365"/>
                  <a:gd name="connsiteY45" fmla="*/ 136942 h 206093"/>
                  <a:gd name="connsiteX46" fmla="*/ 122998 w 152365"/>
                  <a:gd name="connsiteY46" fmla="*/ 125893 h 206093"/>
                  <a:gd name="connsiteX47" fmla="*/ 29367 w 152365"/>
                  <a:gd name="connsiteY47" fmla="*/ 85793 h 206093"/>
                  <a:gd name="connsiteX48" fmla="*/ 18318 w 152365"/>
                  <a:gd name="connsiteY48" fmla="*/ 96842 h 206093"/>
                  <a:gd name="connsiteX49" fmla="*/ 29367 w 152365"/>
                  <a:gd name="connsiteY49" fmla="*/ 107891 h 206093"/>
                  <a:gd name="connsiteX50" fmla="*/ 122998 w 152365"/>
                  <a:gd name="connsiteY50" fmla="*/ 107891 h 206093"/>
                  <a:gd name="connsiteX51" fmla="*/ 134047 w 152365"/>
                  <a:gd name="connsiteY51" fmla="*/ 96842 h 206093"/>
                  <a:gd name="connsiteX52" fmla="*/ 122998 w 152365"/>
                  <a:gd name="connsiteY52" fmla="*/ 85793 h 2060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52365" h="206093">
                    <a:moveTo>
                      <a:pt x="76230" y="206093"/>
                    </a:moveTo>
                    <a:cubicBezTo>
                      <a:pt x="56504" y="206093"/>
                      <a:pt x="40512" y="190101"/>
                      <a:pt x="40512" y="170375"/>
                    </a:cubicBezTo>
                    <a:cubicBezTo>
                      <a:pt x="40464" y="167937"/>
                      <a:pt x="38473" y="165993"/>
                      <a:pt x="36035" y="165993"/>
                    </a:cubicBezTo>
                    <a:lnTo>
                      <a:pt x="29367" y="165993"/>
                    </a:lnTo>
                    <a:cubicBezTo>
                      <a:pt x="13594" y="166431"/>
                      <a:pt x="449" y="153992"/>
                      <a:pt x="11" y="138219"/>
                    </a:cubicBezTo>
                    <a:cubicBezTo>
                      <a:pt x="-179" y="131437"/>
                      <a:pt x="2059" y="124798"/>
                      <a:pt x="6317" y="119511"/>
                    </a:cubicBezTo>
                    <a:cubicBezTo>
                      <a:pt x="7441" y="117949"/>
                      <a:pt x="7441" y="115835"/>
                      <a:pt x="6317" y="114273"/>
                    </a:cubicBezTo>
                    <a:cubicBezTo>
                      <a:pt x="2450" y="109281"/>
                      <a:pt x="335" y="103157"/>
                      <a:pt x="316" y="96842"/>
                    </a:cubicBezTo>
                    <a:cubicBezTo>
                      <a:pt x="364" y="80821"/>
                      <a:pt x="13346" y="67838"/>
                      <a:pt x="29367" y="67791"/>
                    </a:cubicBezTo>
                    <a:lnTo>
                      <a:pt x="36035" y="67791"/>
                    </a:lnTo>
                    <a:cubicBezTo>
                      <a:pt x="38454" y="67848"/>
                      <a:pt x="40454" y="65924"/>
                      <a:pt x="40512" y="63504"/>
                    </a:cubicBezTo>
                    <a:cubicBezTo>
                      <a:pt x="40512" y="63476"/>
                      <a:pt x="40512" y="63438"/>
                      <a:pt x="40512" y="63409"/>
                    </a:cubicBezTo>
                    <a:lnTo>
                      <a:pt x="40512" y="9974"/>
                    </a:lnTo>
                    <a:cubicBezTo>
                      <a:pt x="40512" y="5030"/>
                      <a:pt x="44522" y="1020"/>
                      <a:pt x="49465" y="1020"/>
                    </a:cubicBezTo>
                    <a:cubicBezTo>
                      <a:pt x="54408" y="1020"/>
                      <a:pt x="58419" y="5030"/>
                      <a:pt x="58419" y="9974"/>
                    </a:cubicBezTo>
                    <a:lnTo>
                      <a:pt x="58419" y="63409"/>
                    </a:lnTo>
                    <a:cubicBezTo>
                      <a:pt x="58419" y="65828"/>
                      <a:pt x="60381" y="67791"/>
                      <a:pt x="62800" y="67791"/>
                    </a:cubicBezTo>
                    <a:lnTo>
                      <a:pt x="89565" y="67791"/>
                    </a:lnTo>
                    <a:cubicBezTo>
                      <a:pt x="91985" y="67791"/>
                      <a:pt x="93947" y="65828"/>
                      <a:pt x="93947" y="63409"/>
                    </a:cubicBezTo>
                    <a:lnTo>
                      <a:pt x="93947" y="9974"/>
                    </a:lnTo>
                    <a:cubicBezTo>
                      <a:pt x="93432" y="5002"/>
                      <a:pt x="97052" y="554"/>
                      <a:pt x="102024" y="49"/>
                    </a:cubicBezTo>
                    <a:cubicBezTo>
                      <a:pt x="106996" y="-465"/>
                      <a:pt x="111435" y="3145"/>
                      <a:pt x="111949" y="8116"/>
                    </a:cubicBezTo>
                    <a:cubicBezTo>
                      <a:pt x="112016" y="8735"/>
                      <a:pt x="112016" y="9355"/>
                      <a:pt x="111949" y="9974"/>
                    </a:cubicBezTo>
                    <a:lnTo>
                      <a:pt x="111949" y="63409"/>
                    </a:lnTo>
                    <a:cubicBezTo>
                      <a:pt x="111892" y="65771"/>
                      <a:pt x="113768" y="67733"/>
                      <a:pt x="116140" y="67791"/>
                    </a:cubicBezTo>
                    <a:cubicBezTo>
                      <a:pt x="116207" y="67791"/>
                      <a:pt x="116264" y="67791"/>
                      <a:pt x="116331" y="67791"/>
                    </a:cubicBezTo>
                    <a:lnTo>
                      <a:pt x="122998" y="67791"/>
                    </a:lnTo>
                    <a:cubicBezTo>
                      <a:pt x="139019" y="67838"/>
                      <a:pt x="152002" y="80821"/>
                      <a:pt x="152049" y="96842"/>
                    </a:cubicBezTo>
                    <a:cubicBezTo>
                      <a:pt x="152030" y="103157"/>
                      <a:pt x="149916" y="109281"/>
                      <a:pt x="146048" y="114273"/>
                    </a:cubicBezTo>
                    <a:cubicBezTo>
                      <a:pt x="144925" y="115835"/>
                      <a:pt x="144925" y="117949"/>
                      <a:pt x="146048" y="119511"/>
                    </a:cubicBezTo>
                    <a:cubicBezTo>
                      <a:pt x="155945" y="131808"/>
                      <a:pt x="154002" y="149791"/>
                      <a:pt x="141705" y="159688"/>
                    </a:cubicBezTo>
                    <a:cubicBezTo>
                      <a:pt x="136419" y="163945"/>
                      <a:pt x="129789" y="166184"/>
                      <a:pt x="122998" y="165993"/>
                    </a:cubicBezTo>
                    <a:lnTo>
                      <a:pt x="116331" y="165993"/>
                    </a:lnTo>
                    <a:cubicBezTo>
                      <a:pt x="113911" y="165993"/>
                      <a:pt x="111949" y="167955"/>
                      <a:pt x="111949" y="170375"/>
                    </a:cubicBezTo>
                    <a:cubicBezTo>
                      <a:pt x="111901" y="190082"/>
                      <a:pt x="95938" y="206037"/>
                      <a:pt x="76230" y="206093"/>
                    </a:cubicBezTo>
                    <a:close/>
                    <a:moveTo>
                      <a:pt x="62800" y="165993"/>
                    </a:moveTo>
                    <a:cubicBezTo>
                      <a:pt x="60400" y="166041"/>
                      <a:pt x="58466" y="167975"/>
                      <a:pt x="58419" y="170375"/>
                    </a:cubicBezTo>
                    <a:cubicBezTo>
                      <a:pt x="57704" y="180185"/>
                      <a:pt x="65067" y="188720"/>
                      <a:pt x="74878" y="189444"/>
                    </a:cubicBezTo>
                    <a:cubicBezTo>
                      <a:pt x="84688" y="190158"/>
                      <a:pt x="93232" y="182786"/>
                      <a:pt x="93947" y="172975"/>
                    </a:cubicBezTo>
                    <a:cubicBezTo>
                      <a:pt x="94013" y="172108"/>
                      <a:pt x="94013" y="171242"/>
                      <a:pt x="93947" y="170375"/>
                    </a:cubicBezTo>
                    <a:cubicBezTo>
                      <a:pt x="93899" y="167975"/>
                      <a:pt x="91966" y="166041"/>
                      <a:pt x="89565" y="165993"/>
                    </a:cubicBezTo>
                    <a:close/>
                    <a:moveTo>
                      <a:pt x="29367" y="125893"/>
                    </a:moveTo>
                    <a:cubicBezTo>
                      <a:pt x="23262" y="125893"/>
                      <a:pt x="18318" y="130836"/>
                      <a:pt x="18318" y="136942"/>
                    </a:cubicBezTo>
                    <a:cubicBezTo>
                      <a:pt x="18318" y="143048"/>
                      <a:pt x="23262" y="147991"/>
                      <a:pt x="29367" y="147991"/>
                    </a:cubicBezTo>
                    <a:lnTo>
                      <a:pt x="122998" y="147991"/>
                    </a:lnTo>
                    <a:cubicBezTo>
                      <a:pt x="129104" y="147991"/>
                      <a:pt x="134047" y="143048"/>
                      <a:pt x="134047" y="136942"/>
                    </a:cubicBezTo>
                    <a:cubicBezTo>
                      <a:pt x="134047" y="130836"/>
                      <a:pt x="129104" y="125893"/>
                      <a:pt x="122998" y="125893"/>
                    </a:cubicBezTo>
                    <a:close/>
                    <a:moveTo>
                      <a:pt x="29367" y="85793"/>
                    </a:moveTo>
                    <a:cubicBezTo>
                      <a:pt x="23262" y="85793"/>
                      <a:pt x="18318" y="90736"/>
                      <a:pt x="18318" y="96842"/>
                    </a:cubicBezTo>
                    <a:cubicBezTo>
                      <a:pt x="18318" y="102947"/>
                      <a:pt x="23262" y="107891"/>
                      <a:pt x="29367" y="107891"/>
                    </a:cubicBezTo>
                    <a:lnTo>
                      <a:pt x="122998" y="107891"/>
                    </a:lnTo>
                    <a:cubicBezTo>
                      <a:pt x="129104" y="107891"/>
                      <a:pt x="134047" y="102947"/>
                      <a:pt x="134047" y="96842"/>
                    </a:cubicBezTo>
                    <a:cubicBezTo>
                      <a:pt x="134047" y="90736"/>
                      <a:pt x="129104" y="85793"/>
                      <a:pt x="122998" y="85793"/>
                    </a:cubicBezTo>
                    <a:close/>
                  </a:path>
                </a:pathLst>
              </a:custGeom>
              <a:solidFill>
                <a:srgbClr val="265999"/>
              </a:solidFill>
              <a:ln w="9525" cap="flat">
                <a:noFill/>
                <a:prstDash val="solid"/>
                <a:miter/>
              </a:ln>
            </p:spPr>
            <p:txBody>
              <a:bodyPr rtlCol="0" anchor="ctr"/>
              <a:lstStyle/>
              <a:p>
                <a:endParaRPr lang="en-AU"/>
              </a:p>
            </p:txBody>
          </p:sp>
          <p:sp>
            <p:nvSpPr>
              <p:cNvPr id="164" name="Graphic 142">
                <a:extLst>
                  <a:ext uri="{FF2B5EF4-FFF2-40B4-BE49-F238E27FC236}">
                    <a16:creationId xmlns:a16="http://schemas.microsoft.com/office/drawing/2014/main" id="{289C5CC8-D458-4D99-8DC6-526FA0646A35}"/>
                  </a:ext>
                </a:extLst>
              </p:cNvPr>
              <p:cNvSpPr/>
              <p:nvPr/>
            </p:nvSpPr>
            <p:spPr>
              <a:xfrm>
                <a:off x="3215572" y="3599054"/>
                <a:ext cx="44604" cy="44765"/>
              </a:xfrm>
              <a:custGeom>
                <a:avLst/>
                <a:gdLst>
                  <a:gd name="connsiteX0" fmla="*/ 8926 w 44604"/>
                  <a:gd name="connsiteY0" fmla="*/ 44766 h 44765"/>
                  <a:gd name="connsiteX1" fmla="*/ 1 w 44604"/>
                  <a:gd name="connsiteY1" fmla="*/ 35593 h 44765"/>
                  <a:gd name="connsiteX2" fmla="*/ 2544 w 44604"/>
                  <a:gd name="connsiteY2" fmla="*/ 29430 h 44765"/>
                  <a:gd name="connsiteX3" fmla="*/ 29309 w 44604"/>
                  <a:gd name="connsiteY3" fmla="*/ 2665 h 44765"/>
                  <a:gd name="connsiteX4" fmla="*/ 41835 w 44604"/>
                  <a:gd name="connsiteY4" fmla="*/ 2522 h 44765"/>
                  <a:gd name="connsiteX5" fmla="*/ 41978 w 44604"/>
                  <a:gd name="connsiteY5" fmla="*/ 2665 h 44765"/>
                  <a:gd name="connsiteX6" fmla="*/ 41987 w 44604"/>
                  <a:gd name="connsiteY6" fmla="*/ 15324 h 44765"/>
                  <a:gd name="connsiteX7" fmla="*/ 41978 w 44604"/>
                  <a:gd name="connsiteY7" fmla="*/ 15333 h 44765"/>
                  <a:gd name="connsiteX8" fmla="*/ 15212 w 44604"/>
                  <a:gd name="connsiteY8" fmla="*/ 42099 h 44765"/>
                  <a:gd name="connsiteX9" fmla="*/ 8926 w 44604"/>
                  <a:gd name="connsiteY9" fmla="*/ 44766 h 447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4604" h="44765">
                    <a:moveTo>
                      <a:pt x="8926" y="44766"/>
                    </a:moveTo>
                    <a:cubicBezTo>
                      <a:pt x="3925" y="44699"/>
                      <a:pt x="-66" y="40584"/>
                      <a:pt x="1" y="35593"/>
                    </a:cubicBezTo>
                    <a:cubicBezTo>
                      <a:pt x="39" y="33288"/>
                      <a:pt x="944" y="31088"/>
                      <a:pt x="2544" y="29430"/>
                    </a:cubicBezTo>
                    <a:lnTo>
                      <a:pt x="29309" y="2665"/>
                    </a:lnTo>
                    <a:cubicBezTo>
                      <a:pt x="32729" y="-830"/>
                      <a:pt x="38339" y="-897"/>
                      <a:pt x="41835" y="2522"/>
                    </a:cubicBezTo>
                    <a:cubicBezTo>
                      <a:pt x="41882" y="2570"/>
                      <a:pt x="41930" y="2618"/>
                      <a:pt x="41978" y="2665"/>
                    </a:cubicBezTo>
                    <a:cubicBezTo>
                      <a:pt x="45473" y="6161"/>
                      <a:pt x="45483" y="11828"/>
                      <a:pt x="41987" y="15324"/>
                    </a:cubicBezTo>
                    <a:cubicBezTo>
                      <a:pt x="41978" y="15333"/>
                      <a:pt x="41978" y="15333"/>
                      <a:pt x="41978" y="15333"/>
                    </a:cubicBezTo>
                    <a:lnTo>
                      <a:pt x="15212" y="42099"/>
                    </a:lnTo>
                    <a:cubicBezTo>
                      <a:pt x="13565" y="43804"/>
                      <a:pt x="11298" y="44766"/>
                      <a:pt x="8926" y="44766"/>
                    </a:cubicBezTo>
                    <a:close/>
                  </a:path>
                </a:pathLst>
              </a:custGeom>
              <a:solidFill>
                <a:srgbClr val="265999"/>
              </a:solidFill>
              <a:ln w="9525" cap="flat">
                <a:noFill/>
                <a:prstDash val="solid"/>
                <a:miter/>
              </a:ln>
            </p:spPr>
            <p:txBody>
              <a:bodyPr rtlCol="0" anchor="ctr"/>
              <a:lstStyle/>
              <a:p>
                <a:endParaRPr lang="en-AU"/>
              </a:p>
            </p:txBody>
          </p:sp>
          <p:sp>
            <p:nvSpPr>
              <p:cNvPr id="165" name="Graphic 142">
                <a:extLst>
                  <a:ext uri="{FF2B5EF4-FFF2-40B4-BE49-F238E27FC236}">
                    <a16:creationId xmlns:a16="http://schemas.microsoft.com/office/drawing/2014/main" id="{2CB464B6-B805-4BE0-B2CC-185B31D0A884}"/>
                  </a:ext>
                </a:extLst>
              </p:cNvPr>
              <p:cNvSpPr/>
              <p:nvPr/>
            </p:nvSpPr>
            <p:spPr>
              <a:xfrm>
                <a:off x="2859826" y="3599045"/>
                <a:ext cx="44686" cy="44775"/>
              </a:xfrm>
              <a:custGeom>
                <a:avLst/>
                <a:gdLst>
                  <a:gd name="connsiteX0" fmla="*/ 35774 w 44686"/>
                  <a:gd name="connsiteY0" fmla="*/ 44775 h 44775"/>
                  <a:gd name="connsiteX1" fmla="*/ 29392 w 44686"/>
                  <a:gd name="connsiteY1" fmla="*/ 42108 h 44775"/>
                  <a:gd name="connsiteX2" fmla="*/ 2627 w 44686"/>
                  <a:gd name="connsiteY2" fmla="*/ 15343 h 44775"/>
                  <a:gd name="connsiteX3" fmla="*/ 2617 w 44686"/>
                  <a:gd name="connsiteY3" fmla="*/ 2684 h 44775"/>
                  <a:gd name="connsiteX4" fmla="*/ 2627 w 44686"/>
                  <a:gd name="connsiteY4" fmla="*/ 2674 h 44775"/>
                  <a:gd name="connsiteX5" fmla="*/ 15285 w 44686"/>
                  <a:gd name="connsiteY5" fmla="*/ 2570 h 44775"/>
                  <a:gd name="connsiteX6" fmla="*/ 15390 w 44686"/>
                  <a:gd name="connsiteY6" fmla="*/ 2674 h 44775"/>
                  <a:gd name="connsiteX7" fmla="*/ 42060 w 44686"/>
                  <a:gd name="connsiteY7" fmla="*/ 29440 h 44775"/>
                  <a:gd name="connsiteX8" fmla="*/ 42070 w 44686"/>
                  <a:gd name="connsiteY8" fmla="*/ 42098 h 44775"/>
                  <a:gd name="connsiteX9" fmla="*/ 42060 w 44686"/>
                  <a:gd name="connsiteY9" fmla="*/ 42108 h 44775"/>
                  <a:gd name="connsiteX10" fmla="*/ 35774 w 44686"/>
                  <a:gd name="connsiteY10" fmla="*/ 44775 h 44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4686" h="44775">
                    <a:moveTo>
                      <a:pt x="35774" y="44775"/>
                    </a:moveTo>
                    <a:cubicBezTo>
                      <a:pt x="33373" y="44785"/>
                      <a:pt x="31068" y="43822"/>
                      <a:pt x="29392" y="42108"/>
                    </a:cubicBezTo>
                    <a:lnTo>
                      <a:pt x="2627" y="15343"/>
                    </a:lnTo>
                    <a:cubicBezTo>
                      <a:pt x="-869" y="11847"/>
                      <a:pt x="-879" y="6180"/>
                      <a:pt x="2617" y="2684"/>
                    </a:cubicBezTo>
                    <a:cubicBezTo>
                      <a:pt x="2627" y="2674"/>
                      <a:pt x="2627" y="2674"/>
                      <a:pt x="2627" y="2674"/>
                    </a:cubicBezTo>
                    <a:cubicBezTo>
                      <a:pt x="6094" y="-850"/>
                      <a:pt x="11761" y="-897"/>
                      <a:pt x="15285" y="2570"/>
                    </a:cubicBezTo>
                    <a:cubicBezTo>
                      <a:pt x="15323" y="2608"/>
                      <a:pt x="15352" y="2636"/>
                      <a:pt x="15390" y="2674"/>
                    </a:cubicBezTo>
                    <a:lnTo>
                      <a:pt x="42060" y="29440"/>
                    </a:lnTo>
                    <a:cubicBezTo>
                      <a:pt x="45556" y="32935"/>
                      <a:pt x="45565" y="38603"/>
                      <a:pt x="42070" y="42098"/>
                    </a:cubicBezTo>
                    <a:cubicBezTo>
                      <a:pt x="42060" y="42108"/>
                      <a:pt x="42060" y="42108"/>
                      <a:pt x="42060" y="42108"/>
                    </a:cubicBezTo>
                    <a:cubicBezTo>
                      <a:pt x="40412" y="43813"/>
                      <a:pt x="38145" y="44775"/>
                      <a:pt x="35774" y="44775"/>
                    </a:cubicBezTo>
                    <a:close/>
                  </a:path>
                </a:pathLst>
              </a:custGeom>
              <a:solidFill>
                <a:srgbClr val="265999"/>
              </a:solidFill>
              <a:ln w="9525" cap="flat">
                <a:noFill/>
                <a:prstDash val="solid"/>
                <a:miter/>
              </a:ln>
            </p:spPr>
            <p:txBody>
              <a:bodyPr rtlCol="0" anchor="ctr"/>
              <a:lstStyle/>
              <a:p>
                <a:endParaRPr lang="en-AU"/>
              </a:p>
            </p:txBody>
          </p:sp>
          <p:sp>
            <p:nvSpPr>
              <p:cNvPr id="166" name="Graphic 142">
                <a:extLst>
                  <a:ext uri="{FF2B5EF4-FFF2-40B4-BE49-F238E27FC236}">
                    <a16:creationId xmlns:a16="http://schemas.microsoft.com/office/drawing/2014/main" id="{F51EF057-4FEA-42FB-BF7F-30B2F31F9FD9}"/>
                  </a:ext>
                </a:extLst>
              </p:cNvPr>
              <p:cNvSpPr/>
              <p:nvPr/>
            </p:nvSpPr>
            <p:spPr>
              <a:xfrm>
                <a:off x="2860112" y="3834079"/>
                <a:ext cx="44681" cy="44722"/>
              </a:xfrm>
              <a:custGeom>
                <a:avLst/>
                <a:gdLst>
                  <a:gd name="connsiteX0" fmla="*/ 9008 w 44681"/>
                  <a:gd name="connsiteY0" fmla="*/ 44722 h 44722"/>
                  <a:gd name="connsiteX1" fmla="*/ 2627 w 44681"/>
                  <a:gd name="connsiteY1" fmla="*/ 42055 h 44722"/>
                  <a:gd name="connsiteX2" fmla="*/ 2617 w 44681"/>
                  <a:gd name="connsiteY2" fmla="*/ 29397 h 44722"/>
                  <a:gd name="connsiteX3" fmla="*/ 2627 w 44681"/>
                  <a:gd name="connsiteY3" fmla="*/ 29387 h 44722"/>
                  <a:gd name="connsiteX4" fmla="*/ 29392 w 44681"/>
                  <a:gd name="connsiteY4" fmla="*/ 2622 h 44722"/>
                  <a:gd name="connsiteX5" fmla="*/ 42060 w 44681"/>
                  <a:gd name="connsiteY5" fmla="*/ 2622 h 44722"/>
                  <a:gd name="connsiteX6" fmla="*/ 42060 w 44681"/>
                  <a:gd name="connsiteY6" fmla="*/ 15290 h 44722"/>
                  <a:gd name="connsiteX7" fmla="*/ 15390 w 44681"/>
                  <a:gd name="connsiteY7" fmla="*/ 42055 h 44722"/>
                  <a:gd name="connsiteX8" fmla="*/ 9008 w 44681"/>
                  <a:gd name="connsiteY8" fmla="*/ 44722 h 44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681" h="44722">
                    <a:moveTo>
                      <a:pt x="9008" y="44722"/>
                    </a:moveTo>
                    <a:cubicBezTo>
                      <a:pt x="6617" y="44665"/>
                      <a:pt x="4341" y="43713"/>
                      <a:pt x="2627" y="42055"/>
                    </a:cubicBezTo>
                    <a:cubicBezTo>
                      <a:pt x="-869" y="38560"/>
                      <a:pt x="-879" y="32892"/>
                      <a:pt x="2617" y="29397"/>
                    </a:cubicBezTo>
                    <a:cubicBezTo>
                      <a:pt x="2627" y="29387"/>
                      <a:pt x="2627" y="29387"/>
                      <a:pt x="2627" y="29387"/>
                    </a:cubicBezTo>
                    <a:lnTo>
                      <a:pt x="29392" y="2622"/>
                    </a:lnTo>
                    <a:cubicBezTo>
                      <a:pt x="32887" y="-874"/>
                      <a:pt x="38564" y="-874"/>
                      <a:pt x="42060" y="2622"/>
                    </a:cubicBezTo>
                    <a:cubicBezTo>
                      <a:pt x="45556" y="6118"/>
                      <a:pt x="45556" y="11794"/>
                      <a:pt x="42060" y="15290"/>
                    </a:cubicBezTo>
                    <a:lnTo>
                      <a:pt x="15390" y="42055"/>
                    </a:lnTo>
                    <a:cubicBezTo>
                      <a:pt x="13676" y="43713"/>
                      <a:pt x="11399" y="44665"/>
                      <a:pt x="9008" y="44722"/>
                    </a:cubicBezTo>
                    <a:close/>
                  </a:path>
                </a:pathLst>
              </a:custGeom>
              <a:solidFill>
                <a:srgbClr val="265999"/>
              </a:solidFill>
              <a:ln w="9525" cap="flat">
                <a:noFill/>
                <a:prstDash val="solid"/>
                <a:miter/>
              </a:ln>
            </p:spPr>
            <p:txBody>
              <a:bodyPr rtlCol="0" anchor="ctr"/>
              <a:lstStyle/>
              <a:p>
                <a:endParaRPr lang="en-AU"/>
              </a:p>
            </p:txBody>
          </p:sp>
          <p:sp>
            <p:nvSpPr>
              <p:cNvPr id="167" name="Graphic 142">
                <a:extLst>
                  <a:ext uri="{FF2B5EF4-FFF2-40B4-BE49-F238E27FC236}">
                    <a16:creationId xmlns:a16="http://schemas.microsoft.com/office/drawing/2014/main" id="{9D93BE64-F2FE-4291-81E2-079DBD1B0EB7}"/>
                  </a:ext>
                </a:extLst>
              </p:cNvPr>
              <p:cNvSpPr/>
              <p:nvPr/>
            </p:nvSpPr>
            <p:spPr>
              <a:xfrm>
                <a:off x="3215574" y="3834034"/>
                <a:ext cx="44517" cy="44767"/>
              </a:xfrm>
              <a:custGeom>
                <a:avLst/>
                <a:gdLst>
                  <a:gd name="connsiteX0" fmla="*/ 35594 w 44517"/>
                  <a:gd name="connsiteY0" fmla="*/ 44768 h 44767"/>
                  <a:gd name="connsiteX1" fmla="*/ 29308 w 44517"/>
                  <a:gd name="connsiteY1" fmla="*/ 42100 h 44767"/>
                  <a:gd name="connsiteX2" fmla="*/ 2542 w 44517"/>
                  <a:gd name="connsiteY2" fmla="*/ 15335 h 44767"/>
                  <a:gd name="connsiteX3" fmla="*/ 2761 w 44517"/>
                  <a:gd name="connsiteY3" fmla="*/ 2543 h 44767"/>
                  <a:gd name="connsiteX4" fmla="*/ 8924 w 44517"/>
                  <a:gd name="connsiteY4" fmla="*/ 0 h 44767"/>
                  <a:gd name="connsiteX5" fmla="*/ 15210 w 44517"/>
                  <a:gd name="connsiteY5" fmla="*/ 2667 h 44767"/>
                  <a:gd name="connsiteX6" fmla="*/ 41976 w 44517"/>
                  <a:gd name="connsiteY6" fmla="*/ 29432 h 44767"/>
                  <a:gd name="connsiteX7" fmla="*/ 41757 w 44517"/>
                  <a:gd name="connsiteY7" fmla="*/ 42224 h 44767"/>
                  <a:gd name="connsiteX8" fmla="*/ 35594 w 44517"/>
                  <a:gd name="connsiteY8" fmla="*/ 44768 h 44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517" h="44767">
                    <a:moveTo>
                      <a:pt x="35594" y="44768"/>
                    </a:moveTo>
                    <a:cubicBezTo>
                      <a:pt x="33222" y="44768"/>
                      <a:pt x="30955" y="43805"/>
                      <a:pt x="29308" y="42100"/>
                    </a:cubicBezTo>
                    <a:lnTo>
                      <a:pt x="2542" y="15335"/>
                    </a:lnTo>
                    <a:cubicBezTo>
                      <a:pt x="-934" y="11744"/>
                      <a:pt x="-830" y="6010"/>
                      <a:pt x="2761" y="2543"/>
                    </a:cubicBezTo>
                    <a:cubicBezTo>
                      <a:pt x="4419" y="943"/>
                      <a:pt x="6619" y="28"/>
                      <a:pt x="8924" y="0"/>
                    </a:cubicBezTo>
                    <a:cubicBezTo>
                      <a:pt x="11296" y="0"/>
                      <a:pt x="13563" y="962"/>
                      <a:pt x="15210" y="2667"/>
                    </a:cubicBezTo>
                    <a:lnTo>
                      <a:pt x="41976" y="29432"/>
                    </a:lnTo>
                    <a:cubicBezTo>
                      <a:pt x="45452" y="33023"/>
                      <a:pt x="45348" y="38757"/>
                      <a:pt x="41757" y="42224"/>
                    </a:cubicBezTo>
                    <a:cubicBezTo>
                      <a:pt x="40099" y="43824"/>
                      <a:pt x="37899" y="44739"/>
                      <a:pt x="35594" y="44768"/>
                    </a:cubicBezTo>
                    <a:close/>
                  </a:path>
                </a:pathLst>
              </a:custGeom>
              <a:solidFill>
                <a:srgbClr val="265999"/>
              </a:solidFill>
              <a:ln w="9525" cap="flat">
                <a:noFill/>
                <a:prstDash val="solid"/>
                <a:miter/>
              </a:ln>
            </p:spPr>
            <p:txBody>
              <a:bodyPr rtlCol="0" anchor="ctr"/>
              <a:lstStyle/>
              <a:p>
                <a:endParaRPr lang="en-AU"/>
              </a:p>
            </p:txBody>
          </p:sp>
        </p:grpSp>
      </p:grpSp>
    </p:spTree>
    <p:extLst>
      <p:ext uri="{BB962C8B-B14F-4D97-AF65-F5344CB8AC3E}">
        <p14:creationId xmlns:p14="http://schemas.microsoft.com/office/powerpoint/2010/main" val="171681924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E43593B-2063-641B-DBD2-16B6C5392C6C}"/>
              </a:ext>
            </a:extLst>
          </p:cNvPr>
          <p:cNvSpPr>
            <a:spLocks noGrp="1"/>
          </p:cNvSpPr>
          <p:nvPr>
            <p:ph type="title"/>
          </p:nvPr>
        </p:nvSpPr>
        <p:spPr/>
        <p:txBody>
          <a:bodyPr/>
          <a:lstStyle/>
          <a:p>
            <a:r>
              <a:rPr lang="en-AU"/>
              <a:t>What we will cover today</a:t>
            </a:r>
          </a:p>
        </p:txBody>
      </p:sp>
      <p:sp>
        <p:nvSpPr>
          <p:cNvPr id="3" name="Text Placeholder 2">
            <a:extLst>
              <a:ext uri="{FF2B5EF4-FFF2-40B4-BE49-F238E27FC236}">
                <a16:creationId xmlns:a16="http://schemas.microsoft.com/office/drawing/2014/main" id="{E74FD0D4-DC17-96F0-A4AF-3B8282103710}"/>
              </a:ext>
            </a:extLst>
          </p:cNvPr>
          <p:cNvSpPr>
            <a:spLocks noGrp="1"/>
          </p:cNvSpPr>
          <p:nvPr>
            <p:ph type="body" sz="quarter" idx="14"/>
          </p:nvPr>
        </p:nvSpPr>
        <p:spPr>
          <a:xfrm>
            <a:off x="6749441" y="4707997"/>
            <a:ext cx="1893815" cy="335646"/>
          </a:xfrm>
        </p:spPr>
        <p:txBody>
          <a:bodyPr/>
          <a:lstStyle/>
          <a:p>
            <a:r>
              <a:rPr lang="en-AU" dirty="0"/>
              <a:t>Philanthropy inquiry webinar</a:t>
            </a:r>
          </a:p>
        </p:txBody>
      </p:sp>
      <p:sp>
        <p:nvSpPr>
          <p:cNvPr id="4" name="Content Placeholder 3">
            <a:extLst>
              <a:ext uri="{FF2B5EF4-FFF2-40B4-BE49-F238E27FC236}">
                <a16:creationId xmlns:a16="http://schemas.microsoft.com/office/drawing/2014/main" id="{AB5FBA9B-CF2D-ABF0-DBF3-BE2D0A167A79}"/>
              </a:ext>
            </a:extLst>
          </p:cNvPr>
          <p:cNvSpPr>
            <a:spLocks noGrp="1"/>
          </p:cNvSpPr>
          <p:nvPr>
            <p:ph idx="1"/>
          </p:nvPr>
        </p:nvSpPr>
        <p:spPr/>
        <p:txBody>
          <a:bodyPr>
            <a:normAutofit/>
          </a:bodyPr>
          <a:lstStyle/>
          <a:p>
            <a:pPr marL="342900" indent="-342900">
              <a:buFont typeface="Arial" panose="020B0604020202020204" pitchFamily="34" charset="0"/>
              <a:buChar char="•"/>
            </a:pPr>
            <a:r>
              <a:rPr lang="en-AU" sz="1600"/>
              <a:t>Brief overview of the inquiry scope</a:t>
            </a:r>
          </a:p>
          <a:p>
            <a:pPr marL="342900" indent="-342900">
              <a:buFont typeface="Arial" panose="020B0604020202020204" pitchFamily="34" charset="0"/>
              <a:buChar char="•"/>
            </a:pPr>
            <a:r>
              <a:rPr lang="en-AU" sz="1600"/>
              <a:t>Introduce the inquiry process</a:t>
            </a:r>
          </a:p>
          <a:p>
            <a:pPr marL="342900" indent="-342900">
              <a:buFont typeface="Arial" panose="020B0604020202020204" pitchFamily="34" charset="0"/>
              <a:buChar char="•"/>
            </a:pPr>
            <a:r>
              <a:rPr lang="en-AU" sz="1600"/>
              <a:t>Explain the different ways you can contribute to the inquiry</a:t>
            </a:r>
          </a:p>
          <a:p>
            <a:pPr marL="342900" indent="-342900">
              <a:buFont typeface="Arial" panose="020B0604020202020204" pitchFamily="34" charset="0"/>
              <a:buChar char="•"/>
            </a:pPr>
            <a:r>
              <a:rPr lang="en-AU" sz="1600"/>
              <a:t>Respond to your questions and answers</a:t>
            </a:r>
          </a:p>
        </p:txBody>
      </p:sp>
      <p:pic>
        <p:nvPicPr>
          <p:cNvPr id="7" name="Picture 6" descr="This image shows paper cut-outs of people holding hands">
            <a:extLst>
              <a:ext uri="{FF2B5EF4-FFF2-40B4-BE49-F238E27FC236}">
                <a16:creationId xmlns:a16="http://schemas.microsoft.com/office/drawing/2014/main" id="{48147F89-F877-7E45-9FC1-1B3C7317F966}"/>
              </a:ext>
            </a:extLst>
          </p:cNvPr>
          <p:cNvPicPr>
            <a:picLocks noChangeAspect="1"/>
          </p:cNvPicPr>
          <p:nvPr>
            <p:custDataLst>
              <p:tags r:id="rId1"/>
            </p:custDataLst>
          </p:nvPr>
        </p:nvPicPr>
        <p:blipFill rotWithShape="1">
          <a:blip r:embed="rId4">
            <a:extLst>
              <a:ext uri="{28A0092B-C50C-407E-A947-70E740481C1C}">
                <a14:useLocalDpi xmlns:a14="http://schemas.microsoft.com/office/drawing/2010/main" val="0"/>
              </a:ext>
            </a:extLst>
          </a:blip>
          <a:srcRect/>
          <a:stretch/>
        </p:blipFill>
        <p:spPr>
          <a:xfrm>
            <a:off x="457200" y="2396489"/>
            <a:ext cx="4193177" cy="2194104"/>
          </a:xfrm>
          <a:prstGeom prst="rect">
            <a:avLst/>
          </a:prstGeom>
        </p:spPr>
      </p:pic>
      <p:sp>
        <p:nvSpPr>
          <p:cNvPr id="10" name="TextBox 9">
            <a:extLst>
              <a:ext uri="{FF2B5EF4-FFF2-40B4-BE49-F238E27FC236}">
                <a16:creationId xmlns:a16="http://schemas.microsoft.com/office/drawing/2014/main" id="{CC6B760A-2B84-7026-A1BC-804220311557}"/>
              </a:ext>
            </a:extLst>
          </p:cNvPr>
          <p:cNvSpPr txBox="1"/>
          <p:nvPr/>
        </p:nvSpPr>
        <p:spPr>
          <a:xfrm>
            <a:off x="5103520" y="2727842"/>
            <a:ext cx="3539736" cy="1200329"/>
          </a:xfrm>
          <a:prstGeom prst="rect">
            <a:avLst/>
          </a:prstGeom>
          <a:noFill/>
        </p:spPr>
        <p:txBody>
          <a:bodyPr wrap="square" lIns="91440" tIns="45720" rIns="91440" bIns="45720" anchor="t">
            <a:spAutoFit/>
          </a:bodyPr>
          <a:lstStyle/>
          <a:p>
            <a:pPr algn="ctr"/>
            <a:endParaRPr lang="en-AU" sz="1800" i="1"/>
          </a:p>
          <a:p>
            <a:pPr algn="ctr"/>
            <a:r>
              <a:rPr lang="en-AU" sz="1800" i="1"/>
              <a:t>This </a:t>
            </a:r>
            <a:r>
              <a:rPr lang="en-AU" i="1"/>
              <a:t>presentation, without the Q and A, is</a:t>
            </a:r>
            <a:r>
              <a:rPr lang="en-AU" sz="1800" i="1"/>
              <a:t> being recorded and will be placed on the website</a:t>
            </a:r>
            <a:endParaRPr lang="en-AU" sz="1800" i="1">
              <a:cs typeface="Arial"/>
            </a:endParaRPr>
          </a:p>
        </p:txBody>
      </p:sp>
    </p:spTree>
    <p:extLst>
      <p:ext uri="{BB962C8B-B14F-4D97-AF65-F5344CB8AC3E}">
        <p14:creationId xmlns:p14="http://schemas.microsoft.com/office/powerpoint/2010/main" val="51417327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89576" y="194370"/>
            <a:ext cx="4859344" cy="461665"/>
          </a:xfrm>
        </p:spPr>
        <p:txBody>
          <a:bodyPr/>
          <a:lstStyle/>
          <a:p>
            <a:r>
              <a:rPr lang="en-US"/>
              <a:t>Scope: Terms of Reference </a:t>
            </a:r>
            <a:endParaRPr lang="en-AU"/>
          </a:p>
        </p:txBody>
      </p:sp>
      <p:sp>
        <p:nvSpPr>
          <p:cNvPr id="36" name="Text Placeholder 35"/>
          <p:cNvSpPr>
            <a:spLocks noGrp="1"/>
          </p:cNvSpPr>
          <p:nvPr>
            <p:ph type="body" sz="quarter" idx="14"/>
          </p:nvPr>
        </p:nvSpPr>
        <p:spPr/>
        <p:txBody>
          <a:bodyPr>
            <a:normAutofit/>
          </a:bodyPr>
          <a:lstStyle/>
          <a:p>
            <a:r>
              <a:rPr lang="en-AU"/>
              <a:t>Philanthropy inquiry webinar</a:t>
            </a:r>
          </a:p>
        </p:txBody>
      </p:sp>
      <p:sp>
        <p:nvSpPr>
          <p:cNvPr id="5" name="Slide Number Placeholder 4"/>
          <p:cNvSpPr>
            <a:spLocks noGrp="1"/>
          </p:cNvSpPr>
          <p:nvPr>
            <p:ph type="sldNum" sz="quarter" idx="4"/>
          </p:nvPr>
        </p:nvSpPr>
        <p:spPr/>
        <p:txBody>
          <a:bodyPr/>
          <a:lstStyle/>
          <a:p>
            <a:fld id="{8A657B52-D046-4802-A3DE-55E7ED70298C}" type="slidenum">
              <a:rPr lang="en-AU" smtClean="0"/>
              <a:pPr/>
              <a:t>6</a:t>
            </a:fld>
            <a:endParaRPr lang="en-AU"/>
          </a:p>
        </p:txBody>
      </p:sp>
      <p:grpSp>
        <p:nvGrpSpPr>
          <p:cNvPr id="8" name="Group 7" descr="The figure outlines the three areas of scope for the philanthropy inquiry. These are 1) to analyse trends and motivations for giving in Australia 2) identify opportunities for, and obstacles to increasing philanthropic giving in Australia 3) recommend ways to respond to these opportunities and obstacles. The scope will be guided by the terms of reference, past reviews and participant input and feedback. ">
            <a:extLst>
              <a:ext uri="{FF2B5EF4-FFF2-40B4-BE49-F238E27FC236}">
                <a16:creationId xmlns:a16="http://schemas.microsoft.com/office/drawing/2014/main" id="{9CA7B48A-7BC8-3DB2-A066-1E2B5821F558}"/>
              </a:ext>
            </a:extLst>
          </p:cNvPr>
          <p:cNvGrpSpPr/>
          <p:nvPr/>
        </p:nvGrpSpPr>
        <p:grpSpPr>
          <a:xfrm>
            <a:off x="989671" y="1183895"/>
            <a:ext cx="6808009" cy="2967453"/>
            <a:chOff x="989671" y="1183895"/>
            <a:chExt cx="6808009" cy="2967453"/>
          </a:xfrm>
        </p:grpSpPr>
        <p:sp>
          <p:nvSpPr>
            <p:cNvPr id="57" name="TextBox 9"/>
            <p:cNvSpPr txBox="1"/>
            <p:nvPr/>
          </p:nvSpPr>
          <p:spPr>
            <a:xfrm>
              <a:off x="1130438" y="1327059"/>
              <a:ext cx="1944000" cy="1296000"/>
            </a:xfrm>
            <a:prstGeom prst="rect">
              <a:avLst/>
            </a:prstGeom>
            <a:solidFill>
              <a:schemeClr val="bg2"/>
            </a:solidFill>
          </p:spPr>
          <p:txBody>
            <a:bodyPr wrap="square" rtlCol="0" anchor="ctr" anchorCtr="0">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200" b="1">
                  <a:solidFill>
                    <a:prstClr val="white"/>
                  </a:solidFill>
                  <a:latin typeface="Arial" panose="020B0604020202020204" pitchFamily="34" charset="0"/>
                  <a:cs typeface="Arial" panose="020B0604020202020204" pitchFamily="34" charset="0"/>
                </a:rPr>
                <a:t>Trends and motivations for giving in Australia</a:t>
              </a:r>
              <a:endParaRPr lang="en-AU" sz="1200" b="1">
                <a:solidFill>
                  <a:prstClr val="white"/>
                </a:solidFill>
                <a:latin typeface="Arial" panose="020B0604020202020204" pitchFamily="34" charset="0"/>
                <a:cs typeface="Arial" panose="020B0604020202020204" pitchFamily="34" charset="0"/>
              </a:endParaRPr>
            </a:p>
          </p:txBody>
        </p:sp>
        <p:sp>
          <p:nvSpPr>
            <p:cNvPr id="59" name="TextBox 55"/>
            <p:cNvSpPr txBox="1"/>
            <p:nvPr/>
          </p:nvSpPr>
          <p:spPr>
            <a:xfrm>
              <a:off x="3489233" y="1327059"/>
              <a:ext cx="1944000" cy="1296000"/>
            </a:xfrm>
            <a:prstGeom prst="rect">
              <a:avLst/>
            </a:prstGeom>
            <a:solidFill>
              <a:schemeClr val="tx2">
                <a:lumMod val="75000"/>
              </a:schemeClr>
            </a:solidFill>
          </p:spPr>
          <p:txBody>
            <a:bodyPr wrap="square" rtlCol="0" anchor="ctr" anchorCtr="0">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200" b="1" dirty="0">
                  <a:solidFill>
                    <a:prstClr val="white"/>
                  </a:solidFill>
                  <a:latin typeface="Arial" panose="020B0604020202020204" pitchFamily="34" charset="0"/>
                  <a:cs typeface="Arial" panose="020B0604020202020204" pitchFamily="34" charset="0"/>
                </a:rPr>
                <a:t>Identify opportunities for, and obstacles to increasing philanthropic </a:t>
              </a:r>
              <a:r>
                <a:rPr lang="en-US" sz="1200" b="1">
                  <a:solidFill>
                    <a:prstClr val="white"/>
                  </a:solidFill>
                  <a:latin typeface="Arial" panose="020B0604020202020204" pitchFamily="34" charset="0"/>
                  <a:cs typeface="Arial" panose="020B0604020202020204" pitchFamily="34" charset="0"/>
                </a:rPr>
                <a:t>giving </a:t>
              </a:r>
              <a:br>
                <a:rPr lang="en-US" sz="1200" b="1">
                  <a:solidFill>
                    <a:prstClr val="white"/>
                  </a:solidFill>
                  <a:latin typeface="Arial" panose="020B0604020202020204" pitchFamily="34" charset="0"/>
                  <a:cs typeface="Arial" panose="020B0604020202020204" pitchFamily="34" charset="0"/>
                </a:rPr>
              </a:br>
              <a:r>
                <a:rPr lang="en-US" sz="1200" b="1">
                  <a:solidFill>
                    <a:prstClr val="white"/>
                  </a:solidFill>
                  <a:latin typeface="Arial" panose="020B0604020202020204" pitchFamily="34" charset="0"/>
                  <a:cs typeface="Arial" panose="020B0604020202020204" pitchFamily="34" charset="0"/>
                </a:rPr>
                <a:t>in </a:t>
              </a:r>
              <a:r>
                <a:rPr lang="en-US" sz="1200" b="1" dirty="0">
                  <a:solidFill>
                    <a:prstClr val="white"/>
                  </a:solidFill>
                  <a:latin typeface="Arial" panose="020B0604020202020204" pitchFamily="34" charset="0"/>
                  <a:cs typeface="Arial" panose="020B0604020202020204" pitchFamily="34" charset="0"/>
                </a:rPr>
                <a:t>Australia </a:t>
              </a:r>
            </a:p>
          </p:txBody>
        </p:sp>
        <p:sp>
          <p:nvSpPr>
            <p:cNvPr id="61" name="TextBox 57"/>
            <p:cNvSpPr txBox="1"/>
            <p:nvPr/>
          </p:nvSpPr>
          <p:spPr>
            <a:xfrm>
              <a:off x="5853680" y="1327578"/>
              <a:ext cx="1944000" cy="1294962"/>
            </a:xfrm>
            <a:prstGeom prst="rect">
              <a:avLst/>
            </a:prstGeom>
            <a:solidFill>
              <a:schemeClr val="accent6"/>
            </a:solidFill>
          </p:spPr>
          <p:txBody>
            <a:bodyPr wrap="square" rtlCol="0" anchor="ctr" anchorCtr="0">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200" b="1">
                  <a:solidFill>
                    <a:prstClr val="white"/>
                  </a:solidFill>
                  <a:latin typeface="Arial" panose="020B0604020202020204" pitchFamily="34" charset="0"/>
                  <a:cs typeface="Arial" panose="020B0604020202020204" pitchFamily="34" charset="0"/>
                </a:rPr>
                <a:t>Recommend ways to respond to these opportunities and obstacles </a:t>
              </a:r>
              <a:endParaRPr lang="en-AU" sz="1200" b="1">
                <a:solidFill>
                  <a:prstClr val="white"/>
                </a:solidFill>
                <a:latin typeface="Arial" panose="020B0604020202020204" pitchFamily="34" charset="0"/>
                <a:cs typeface="Arial" panose="020B0604020202020204" pitchFamily="34" charset="0"/>
              </a:endParaRPr>
            </a:p>
          </p:txBody>
        </p:sp>
        <p:sp>
          <p:nvSpPr>
            <p:cNvPr id="7" name="Rectangle 6">
              <a:extLst>
                <a:ext uri="{FF2B5EF4-FFF2-40B4-BE49-F238E27FC236}">
                  <a16:creationId xmlns:a16="http://schemas.microsoft.com/office/drawing/2014/main" id="{0FAB4ACF-74B6-5E83-2140-D4DB58BB6335}"/>
                </a:ext>
              </a:extLst>
            </p:cNvPr>
            <p:cNvSpPr/>
            <p:nvPr/>
          </p:nvSpPr>
          <p:spPr>
            <a:xfrm>
              <a:off x="1130438" y="2636049"/>
              <a:ext cx="1944000" cy="1080000"/>
            </a:xfrm>
            <a:prstGeom prst="rect">
              <a:avLst/>
            </a:prstGeom>
            <a:solidFill>
              <a:srgbClr val="DEE9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solidFill>
                  <a:prstClr val="white"/>
                </a:solidFill>
              </a:endParaRPr>
            </a:p>
          </p:txBody>
        </p:sp>
        <p:sp>
          <p:nvSpPr>
            <p:cNvPr id="9" name="Rectangle 8">
              <a:extLst>
                <a:ext uri="{FF2B5EF4-FFF2-40B4-BE49-F238E27FC236}">
                  <a16:creationId xmlns:a16="http://schemas.microsoft.com/office/drawing/2014/main" id="{F62F2EEF-A0EA-EB45-1A44-F2C8D9F29F4F}"/>
                </a:ext>
              </a:extLst>
            </p:cNvPr>
            <p:cNvSpPr/>
            <p:nvPr/>
          </p:nvSpPr>
          <p:spPr>
            <a:xfrm>
              <a:off x="3491113" y="2636049"/>
              <a:ext cx="1944000" cy="1080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solidFill>
                  <a:prstClr val="white"/>
                </a:solidFill>
              </a:endParaRPr>
            </a:p>
          </p:txBody>
        </p:sp>
        <p:sp>
          <p:nvSpPr>
            <p:cNvPr id="11" name="Rectangle 10">
              <a:extLst>
                <a:ext uri="{FF2B5EF4-FFF2-40B4-BE49-F238E27FC236}">
                  <a16:creationId xmlns:a16="http://schemas.microsoft.com/office/drawing/2014/main" id="{CB4CC2BE-9ADD-0F2F-4DC0-4F04E44BF03F}"/>
                </a:ext>
              </a:extLst>
            </p:cNvPr>
            <p:cNvSpPr/>
            <p:nvPr/>
          </p:nvSpPr>
          <p:spPr>
            <a:xfrm>
              <a:off x="5848028" y="2627361"/>
              <a:ext cx="1944000" cy="1080000"/>
            </a:xfrm>
            <a:prstGeom prst="rect">
              <a:avLst/>
            </a:prstGeom>
            <a:solidFill>
              <a:schemeClr val="accent6">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solidFill>
                  <a:prstClr val="white"/>
                </a:solidFill>
              </a:endParaRPr>
            </a:p>
          </p:txBody>
        </p:sp>
        <p:grpSp>
          <p:nvGrpSpPr>
            <p:cNvPr id="22" name="Group 21">
              <a:extLst>
                <a:ext uri="{FF2B5EF4-FFF2-40B4-BE49-F238E27FC236}">
                  <a16:creationId xmlns:a16="http://schemas.microsoft.com/office/drawing/2014/main" id="{B7E1CB76-D47A-E50C-244C-AE2BCCC036AE}"/>
                </a:ext>
              </a:extLst>
            </p:cNvPr>
            <p:cNvGrpSpPr/>
            <p:nvPr/>
          </p:nvGrpSpPr>
          <p:grpSpPr>
            <a:xfrm>
              <a:off x="4256231" y="2956817"/>
              <a:ext cx="365243" cy="421259"/>
              <a:chOff x="2469265" y="2550318"/>
              <a:chExt cx="365243" cy="421259"/>
            </a:xfrm>
          </p:grpSpPr>
          <p:sp>
            <p:nvSpPr>
              <p:cNvPr id="23" name="Rectangle 2">
                <a:extLst>
                  <a:ext uri="{FF2B5EF4-FFF2-40B4-BE49-F238E27FC236}">
                    <a16:creationId xmlns:a16="http://schemas.microsoft.com/office/drawing/2014/main" id="{C3D6A99D-5039-3E8D-9FB5-C67CD3CE16E8}"/>
                  </a:ext>
                </a:extLst>
              </p:cNvPr>
              <p:cNvSpPr/>
              <p:nvPr/>
            </p:nvSpPr>
            <p:spPr>
              <a:xfrm>
                <a:off x="2482741" y="2550318"/>
                <a:ext cx="315228" cy="421089"/>
              </a:xfrm>
              <a:custGeom>
                <a:avLst/>
                <a:gdLst>
                  <a:gd name="connsiteX0" fmla="*/ 0 w 314128"/>
                  <a:gd name="connsiteY0" fmla="*/ 0 h 419100"/>
                  <a:gd name="connsiteX1" fmla="*/ 314128 w 314128"/>
                  <a:gd name="connsiteY1" fmla="*/ 0 h 419100"/>
                  <a:gd name="connsiteX2" fmla="*/ 314128 w 314128"/>
                  <a:gd name="connsiteY2" fmla="*/ 419100 h 419100"/>
                  <a:gd name="connsiteX3" fmla="*/ 0 w 314128"/>
                  <a:gd name="connsiteY3" fmla="*/ 419100 h 419100"/>
                  <a:gd name="connsiteX4" fmla="*/ 0 w 314128"/>
                  <a:gd name="connsiteY4" fmla="*/ 0 h 419100"/>
                  <a:gd name="connsiteX0" fmla="*/ 0 w 314128"/>
                  <a:gd name="connsiteY0" fmla="*/ 1989 h 421089"/>
                  <a:gd name="connsiteX1" fmla="*/ 241409 w 314128"/>
                  <a:gd name="connsiteY1" fmla="*/ 0 h 421089"/>
                  <a:gd name="connsiteX2" fmla="*/ 314128 w 314128"/>
                  <a:gd name="connsiteY2" fmla="*/ 1989 h 421089"/>
                  <a:gd name="connsiteX3" fmla="*/ 314128 w 314128"/>
                  <a:gd name="connsiteY3" fmla="*/ 421089 h 421089"/>
                  <a:gd name="connsiteX4" fmla="*/ 0 w 314128"/>
                  <a:gd name="connsiteY4" fmla="*/ 421089 h 421089"/>
                  <a:gd name="connsiteX5" fmla="*/ 0 w 314128"/>
                  <a:gd name="connsiteY5" fmla="*/ 1989 h 421089"/>
                  <a:gd name="connsiteX0" fmla="*/ 0 w 315228"/>
                  <a:gd name="connsiteY0" fmla="*/ 1989 h 421089"/>
                  <a:gd name="connsiteX1" fmla="*/ 241409 w 315228"/>
                  <a:gd name="connsiteY1" fmla="*/ 0 h 421089"/>
                  <a:gd name="connsiteX2" fmla="*/ 314128 w 315228"/>
                  <a:gd name="connsiteY2" fmla="*/ 1989 h 421089"/>
                  <a:gd name="connsiteX3" fmla="*/ 315228 w 315228"/>
                  <a:gd name="connsiteY3" fmla="*/ 100013 h 421089"/>
                  <a:gd name="connsiteX4" fmla="*/ 314128 w 315228"/>
                  <a:gd name="connsiteY4" fmla="*/ 421089 h 421089"/>
                  <a:gd name="connsiteX5" fmla="*/ 0 w 315228"/>
                  <a:gd name="connsiteY5" fmla="*/ 421089 h 421089"/>
                  <a:gd name="connsiteX6" fmla="*/ 0 w 315228"/>
                  <a:gd name="connsiteY6" fmla="*/ 1989 h 421089"/>
                  <a:gd name="connsiteX0" fmla="*/ 0 w 315228"/>
                  <a:gd name="connsiteY0" fmla="*/ 1989 h 421089"/>
                  <a:gd name="connsiteX1" fmla="*/ 241409 w 315228"/>
                  <a:gd name="connsiteY1" fmla="*/ 0 h 421089"/>
                  <a:gd name="connsiteX2" fmla="*/ 268885 w 315228"/>
                  <a:gd name="connsiteY2" fmla="*/ 37708 h 421089"/>
                  <a:gd name="connsiteX3" fmla="*/ 315228 w 315228"/>
                  <a:gd name="connsiteY3" fmla="*/ 100013 h 421089"/>
                  <a:gd name="connsiteX4" fmla="*/ 314128 w 315228"/>
                  <a:gd name="connsiteY4" fmla="*/ 421089 h 421089"/>
                  <a:gd name="connsiteX5" fmla="*/ 0 w 315228"/>
                  <a:gd name="connsiteY5" fmla="*/ 421089 h 421089"/>
                  <a:gd name="connsiteX6" fmla="*/ 0 w 315228"/>
                  <a:gd name="connsiteY6" fmla="*/ 1989 h 421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15228" h="421089">
                    <a:moveTo>
                      <a:pt x="0" y="1989"/>
                    </a:moveTo>
                    <a:lnTo>
                      <a:pt x="241409" y="0"/>
                    </a:lnTo>
                    <a:lnTo>
                      <a:pt x="268885" y="37708"/>
                    </a:lnTo>
                    <a:cubicBezTo>
                      <a:pt x="269252" y="70383"/>
                      <a:pt x="314861" y="67338"/>
                      <a:pt x="315228" y="100013"/>
                    </a:cubicBezTo>
                    <a:cubicBezTo>
                      <a:pt x="314861" y="207038"/>
                      <a:pt x="314495" y="314064"/>
                      <a:pt x="314128" y="421089"/>
                    </a:cubicBezTo>
                    <a:lnTo>
                      <a:pt x="0" y="421089"/>
                    </a:lnTo>
                    <a:lnTo>
                      <a:pt x="0" y="1989"/>
                    </a:lnTo>
                    <a:close/>
                  </a:path>
                </a:pathLst>
              </a:cu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pSp>
            <p:nvGrpSpPr>
              <p:cNvPr id="24" name="Group 23">
                <a:extLst>
                  <a:ext uri="{FF2B5EF4-FFF2-40B4-BE49-F238E27FC236}">
                    <a16:creationId xmlns:a16="http://schemas.microsoft.com/office/drawing/2014/main" id="{82D49198-E608-C81E-788F-C38E34B4916E}"/>
                  </a:ext>
                </a:extLst>
              </p:cNvPr>
              <p:cNvGrpSpPr/>
              <p:nvPr/>
            </p:nvGrpSpPr>
            <p:grpSpPr>
              <a:xfrm>
                <a:off x="2469265" y="2552477"/>
                <a:ext cx="365243" cy="419100"/>
                <a:chOff x="1836134" y="2179542"/>
                <a:chExt cx="365243" cy="419100"/>
              </a:xfrm>
            </p:grpSpPr>
            <p:sp>
              <p:nvSpPr>
                <p:cNvPr id="25" name="Graphic 2">
                  <a:extLst>
                    <a:ext uri="{FF2B5EF4-FFF2-40B4-BE49-F238E27FC236}">
                      <a16:creationId xmlns:a16="http://schemas.microsoft.com/office/drawing/2014/main" id="{421C32CD-A951-0641-1C59-143D6BB55C2F}"/>
                    </a:ext>
                  </a:extLst>
                </p:cNvPr>
                <p:cNvSpPr/>
                <p:nvPr/>
              </p:nvSpPr>
              <p:spPr>
                <a:xfrm>
                  <a:off x="2086927" y="2348801"/>
                  <a:ext cx="98107" cy="109537"/>
                </a:xfrm>
                <a:custGeom>
                  <a:avLst/>
                  <a:gdLst>
                    <a:gd name="connsiteX0" fmla="*/ 98107 w 98107"/>
                    <a:gd name="connsiteY0" fmla="*/ 37529 h 109537"/>
                    <a:gd name="connsiteX1" fmla="*/ 41815 w 98107"/>
                    <a:gd name="connsiteY1" fmla="*/ 109538 h 109537"/>
                    <a:gd name="connsiteX2" fmla="*/ 16288 w 98107"/>
                    <a:gd name="connsiteY2" fmla="*/ 108966 h 109537"/>
                    <a:gd name="connsiteX3" fmla="*/ 1429 w 98107"/>
                    <a:gd name="connsiteY3" fmla="*/ 91916 h 109537"/>
                    <a:gd name="connsiteX4" fmla="*/ 0 w 98107"/>
                    <a:gd name="connsiteY4" fmla="*/ 78772 h 109537"/>
                    <a:gd name="connsiteX5" fmla="*/ 62674 w 98107"/>
                    <a:gd name="connsiteY5" fmla="*/ 0 h 109537"/>
                    <a:gd name="connsiteX6" fmla="*/ 98107 w 98107"/>
                    <a:gd name="connsiteY6" fmla="*/ 37529 h 109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8107" h="109537">
                      <a:moveTo>
                        <a:pt x="98107" y="37529"/>
                      </a:moveTo>
                      <a:lnTo>
                        <a:pt x="41815" y="109538"/>
                      </a:lnTo>
                      <a:lnTo>
                        <a:pt x="16288" y="108966"/>
                      </a:lnTo>
                      <a:lnTo>
                        <a:pt x="1429" y="91916"/>
                      </a:lnTo>
                      <a:lnTo>
                        <a:pt x="0" y="78772"/>
                      </a:lnTo>
                      <a:lnTo>
                        <a:pt x="62674" y="0"/>
                      </a:lnTo>
                      <a:lnTo>
                        <a:pt x="98107" y="37529"/>
                      </a:lnTo>
                      <a:close/>
                    </a:path>
                  </a:pathLst>
                </a:custGeom>
                <a:solidFill>
                  <a:srgbClr val="66B9DA"/>
                </a:solidFill>
                <a:ln w="9525" cap="flat">
                  <a:noFill/>
                  <a:prstDash val="solid"/>
                  <a:miter/>
                </a:ln>
              </p:spPr>
              <p:txBody>
                <a:bodyPr rtlCol="0" anchor="ctr"/>
                <a:lstStyle/>
                <a:p>
                  <a:endParaRPr lang="en-AU"/>
                </a:p>
              </p:txBody>
            </p:sp>
            <p:sp>
              <p:nvSpPr>
                <p:cNvPr id="26" name="Graphic 2">
                  <a:extLst>
                    <a:ext uri="{FF2B5EF4-FFF2-40B4-BE49-F238E27FC236}">
                      <a16:creationId xmlns:a16="http://schemas.microsoft.com/office/drawing/2014/main" id="{1D52C6CA-F144-FFC6-F255-0EC10B99C73C}"/>
                    </a:ext>
                  </a:extLst>
                </p:cNvPr>
                <p:cNvSpPr/>
                <p:nvPr/>
              </p:nvSpPr>
              <p:spPr>
                <a:xfrm>
                  <a:off x="2079116" y="2193353"/>
                  <a:ext cx="89439" cy="89439"/>
                </a:xfrm>
                <a:custGeom>
                  <a:avLst/>
                  <a:gdLst>
                    <a:gd name="connsiteX0" fmla="*/ 0 w 89439"/>
                    <a:gd name="connsiteY0" fmla="*/ 0 h 89439"/>
                    <a:gd name="connsiteX1" fmla="*/ 89440 w 89439"/>
                    <a:gd name="connsiteY1" fmla="*/ 89440 h 89439"/>
                    <a:gd name="connsiteX2" fmla="*/ 0 w 89439"/>
                    <a:gd name="connsiteY2" fmla="*/ 89440 h 89439"/>
                    <a:gd name="connsiteX3" fmla="*/ 0 w 89439"/>
                    <a:gd name="connsiteY3" fmla="*/ 0 h 89439"/>
                  </a:gdLst>
                  <a:ahLst/>
                  <a:cxnLst>
                    <a:cxn ang="0">
                      <a:pos x="connsiteX0" y="connsiteY0"/>
                    </a:cxn>
                    <a:cxn ang="0">
                      <a:pos x="connsiteX1" y="connsiteY1"/>
                    </a:cxn>
                    <a:cxn ang="0">
                      <a:pos x="connsiteX2" y="connsiteY2"/>
                    </a:cxn>
                    <a:cxn ang="0">
                      <a:pos x="connsiteX3" y="connsiteY3"/>
                    </a:cxn>
                  </a:cxnLst>
                  <a:rect l="l" t="t" r="r" b="b"/>
                  <a:pathLst>
                    <a:path w="89439" h="89439">
                      <a:moveTo>
                        <a:pt x="0" y="0"/>
                      </a:moveTo>
                      <a:lnTo>
                        <a:pt x="89440" y="89440"/>
                      </a:lnTo>
                      <a:lnTo>
                        <a:pt x="0" y="89440"/>
                      </a:lnTo>
                      <a:lnTo>
                        <a:pt x="0" y="0"/>
                      </a:lnTo>
                      <a:close/>
                    </a:path>
                  </a:pathLst>
                </a:custGeom>
                <a:solidFill>
                  <a:srgbClr val="66B9DA"/>
                </a:solidFill>
                <a:ln w="9525" cap="flat">
                  <a:noFill/>
                  <a:prstDash val="solid"/>
                  <a:miter/>
                </a:ln>
              </p:spPr>
              <p:txBody>
                <a:bodyPr rtlCol="0" anchor="ctr"/>
                <a:lstStyle/>
                <a:p>
                  <a:endParaRPr lang="en-AU"/>
                </a:p>
              </p:txBody>
            </p:sp>
            <p:sp>
              <p:nvSpPr>
                <p:cNvPr id="27" name="Graphic 2">
                  <a:extLst>
                    <a:ext uri="{FF2B5EF4-FFF2-40B4-BE49-F238E27FC236}">
                      <a16:creationId xmlns:a16="http://schemas.microsoft.com/office/drawing/2014/main" id="{29B374F3-D506-BA6E-70AE-9D30E5236A57}"/>
                    </a:ext>
                  </a:extLst>
                </p:cNvPr>
                <p:cNvSpPr/>
                <p:nvPr/>
              </p:nvSpPr>
              <p:spPr>
                <a:xfrm>
                  <a:off x="1836134" y="2179542"/>
                  <a:ext cx="338994" cy="419100"/>
                </a:xfrm>
                <a:custGeom>
                  <a:avLst/>
                  <a:gdLst>
                    <a:gd name="connsiteX0" fmla="*/ 22384 w 338994"/>
                    <a:gd name="connsiteY0" fmla="*/ 419100 h 419100"/>
                    <a:gd name="connsiteX1" fmla="*/ 0 w 338994"/>
                    <a:gd name="connsiteY1" fmla="*/ 396716 h 419100"/>
                    <a:gd name="connsiteX2" fmla="*/ 0 w 338994"/>
                    <a:gd name="connsiteY2" fmla="*/ 22288 h 419100"/>
                    <a:gd name="connsiteX3" fmla="*/ 22384 w 338994"/>
                    <a:gd name="connsiteY3" fmla="*/ 0 h 419100"/>
                    <a:gd name="connsiteX4" fmla="*/ 249841 w 338994"/>
                    <a:gd name="connsiteY4" fmla="*/ 0 h 419100"/>
                    <a:gd name="connsiteX5" fmla="*/ 256127 w 338994"/>
                    <a:gd name="connsiteY5" fmla="*/ 2572 h 419100"/>
                    <a:gd name="connsiteX6" fmla="*/ 336328 w 338994"/>
                    <a:gd name="connsiteY6" fmla="*/ 82867 h 419100"/>
                    <a:gd name="connsiteX7" fmla="*/ 338995 w 338994"/>
                    <a:gd name="connsiteY7" fmla="*/ 89154 h 419100"/>
                    <a:gd name="connsiteX8" fmla="*/ 338995 w 338994"/>
                    <a:gd name="connsiteY8" fmla="*/ 129350 h 419100"/>
                    <a:gd name="connsiteX9" fmla="*/ 329070 w 338994"/>
                    <a:gd name="connsiteY9" fmla="*/ 137427 h 419100"/>
                    <a:gd name="connsiteX10" fmla="*/ 320993 w 338994"/>
                    <a:gd name="connsiteY10" fmla="*/ 129350 h 419100"/>
                    <a:gd name="connsiteX11" fmla="*/ 320993 w 338994"/>
                    <a:gd name="connsiteY11" fmla="*/ 115919 h 419100"/>
                    <a:gd name="connsiteX12" fmla="*/ 316611 w 338994"/>
                    <a:gd name="connsiteY12" fmla="*/ 111538 h 419100"/>
                    <a:gd name="connsiteX13" fmla="*/ 247555 w 338994"/>
                    <a:gd name="connsiteY13" fmla="*/ 111538 h 419100"/>
                    <a:gd name="connsiteX14" fmla="*/ 227457 w 338994"/>
                    <a:gd name="connsiteY14" fmla="*/ 91440 h 419100"/>
                    <a:gd name="connsiteX15" fmla="*/ 227457 w 338994"/>
                    <a:gd name="connsiteY15" fmla="*/ 22288 h 419100"/>
                    <a:gd name="connsiteX16" fmla="*/ 223076 w 338994"/>
                    <a:gd name="connsiteY16" fmla="*/ 17907 h 419100"/>
                    <a:gd name="connsiteX17" fmla="*/ 22384 w 338994"/>
                    <a:gd name="connsiteY17" fmla="*/ 17907 h 419100"/>
                    <a:gd name="connsiteX18" fmla="*/ 18002 w 338994"/>
                    <a:gd name="connsiteY18" fmla="*/ 22288 h 419100"/>
                    <a:gd name="connsiteX19" fmla="*/ 18002 w 338994"/>
                    <a:gd name="connsiteY19" fmla="*/ 396716 h 419100"/>
                    <a:gd name="connsiteX20" fmla="*/ 22384 w 338994"/>
                    <a:gd name="connsiteY20" fmla="*/ 401098 h 419100"/>
                    <a:gd name="connsiteX21" fmla="*/ 316516 w 338994"/>
                    <a:gd name="connsiteY21" fmla="*/ 401098 h 419100"/>
                    <a:gd name="connsiteX22" fmla="*/ 320897 w 338994"/>
                    <a:gd name="connsiteY22" fmla="*/ 396907 h 419100"/>
                    <a:gd name="connsiteX23" fmla="*/ 320897 w 338994"/>
                    <a:gd name="connsiteY23" fmla="*/ 396716 h 419100"/>
                    <a:gd name="connsiteX24" fmla="*/ 320897 w 338994"/>
                    <a:gd name="connsiteY24" fmla="*/ 303085 h 419100"/>
                    <a:gd name="connsiteX25" fmla="*/ 330822 w 338994"/>
                    <a:gd name="connsiteY25" fmla="*/ 295008 h 419100"/>
                    <a:gd name="connsiteX26" fmla="*/ 338900 w 338994"/>
                    <a:gd name="connsiteY26" fmla="*/ 303085 h 419100"/>
                    <a:gd name="connsiteX27" fmla="*/ 338900 w 338994"/>
                    <a:gd name="connsiteY27" fmla="*/ 396716 h 419100"/>
                    <a:gd name="connsiteX28" fmla="*/ 316516 w 338994"/>
                    <a:gd name="connsiteY28" fmla="*/ 419100 h 419100"/>
                    <a:gd name="connsiteX29" fmla="*/ 249841 w 338994"/>
                    <a:gd name="connsiteY29" fmla="*/ 23908 h 419100"/>
                    <a:gd name="connsiteX30" fmla="*/ 248126 w 338994"/>
                    <a:gd name="connsiteY30" fmla="*/ 23908 h 419100"/>
                    <a:gd name="connsiteX31" fmla="*/ 245364 w 338994"/>
                    <a:gd name="connsiteY31" fmla="*/ 28003 h 419100"/>
                    <a:gd name="connsiteX32" fmla="*/ 245364 w 338994"/>
                    <a:gd name="connsiteY32" fmla="*/ 89249 h 419100"/>
                    <a:gd name="connsiteX33" fmla="*/ 249746 w 338994"/>
                    <a:gd name="connsiteY33" fmla="*/ 93631 h 419100"/>
                    <a:gd name="connsiteX34" fmla="*/ 249841 w 338994"/>
                    <a:gd name="connsiteY34" fmla="*/ 93631 h 419100"/>
                    <a:gd name="connsiteX35" fmla="*/ 311086 w 338994"/>
                    <a:gd name="connsiteY35" fmla="*/ 93631 h 419100"/>
                    <a:gd name="connsiteX36" fmla="*/ 315468 w 338994"/>
                    <a:gd name="connsiteY36" fmla="*/ 89249 h 419100"/>
                    <a:gd name="connsiteX37" fmla="*/ 314230 w 338994"/>
                    <a:gd name="connsiteY37" fmla="*/ 86201 h 419100"/>
                    <a:gd name="connsiteX38" fmla="*/ 252889 w 338994"/>
                    <a:gd name="connsiteY38" fmla="*/ 24860 h 419100"/>
                    <a:gd name="connsiteX39" fmla="*/ 249841 w 338994"/>
                    <a:gd name="connsiteY39" fmla="*/ 23908 h 419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338994" h="419100">
                      <a:moveTo>
                        <a:pt x="22384" y="419100"/>
                      </a:moveTo>
                      <a:cubicBezTo>
                        <a:pt x="10020" y="419100"/>
                        <a:pt x="0" y="409080"/>
                        <a:pt x="0" y="396716"/>
                      </a:cubicBezTo>
                      <a:lnTo>
                        <a:pt x="0" y="22288"/>
                      </a:lnTo>
                      <a:cubicBezTo>
                        <a:pt x="57" y="9963"/>
                        <a:pt x="10058" y="0"/>
                        <a:pt x="22384" y="0"/>
                      </a:cubicBezTo>
                      <a:lnTo>
                        <a:pt x="249841" y="0"/>
                      </a:lnTo>
                      <a:cubicBezTo>
                        <a:pt x="252184" y="57"/>
                        <a:pt x="254422" y="971"/>
                        <a:pt x="256127" y="2572"/>
                      </a:cubicBezTo>
                      <a:lnTo>
                        <a:pt x="336328" y="82867"/>
                      </a:lnTo>
                      <a:cubicBezTo>
                        <a:pt x="338033" y="84515"/>
                        <a:pt x="338995" y="86782"/>
                        <a:pt x="338995" y="89154"/>
                      </a:cubicBezTo>
                      <a:lnTo>
                        <a:pt x="338995" y="129350"/>
                      </a:lnTo>
                      <a:cubicBezTo>
                        <a:pt x="338480" y="134321"/>
                        <a:pt x="334042" y="137931"/>
                        <a:pt x="329070" y="137427"/>
                      </a:cubicBezTo>
                      <a:cubicBezTo>
                        <a:pt x="324803" y="136988"/>
                        <a:pt x="321431" y="133617"/>
                        <a:pt x="320993" y="129350"/>
                      </a:cubicBezTo>
                      <a:lnTo>
                        <a:pt x="320993" y="115919"/>
                      </a:lnTo>
                      <a:cubicBezTo>
                        <a:pt x="320993" y="113500"/>
                        <a:pt x="319030" y="111538"/>
                        <a:pt x="316611" y="111538"/>
                      </a:cubicBezTo>
                      <a:lnTo>
                        <a:pt x="247555" y="111538"/>
                      </a:lnTo>
                      <a:cubicBezTo>
                        <a:pt x="236477" y="111490"/>
                        <a:pt x="227505" y="102518"/>
                        <a:pt x="227457" y="91440"/>
                      </a:cubicBezTo>
                      <a:lnTo>
                        <a:pt x="227457" y="22288"/>
                      </a:lnTo>
                      <a:cubicBezTo>
                        <a:pt x="227409" y="19888"/>
                        <a:pt x="225476" y="17955"/>
                        <a:pt x="223076" y="17907"/>
                      </a:cubicBezTo>
                      <a:lnTo>
                        <a:pt x="22384" y="17907"/>
                      </a:lnTo>
                      <a:cubicBezTo>
                        <a:pt x="19983" y="17955"/>
                        <a:pt x="18050" y="19888"/>
                        <a:pt x="18002" y="22288"/>
                      </a:cubicBezTo>
                      <a:lnTo>
                        <a:pt x="18002" y="396716"/>
                      </a:lnTo>
                      <a:cubicBezTo>
                        <a:pt x="18002" y="399136"/>
                        <a:pt x="19964" y="401098"/>
                        <a:pt x="22384" y="401098"/>
                      </a:cubicBezTo>
                      <a:lnTo>
                        <a:pt x="316516" y="401098"/>
                      </a:lnTo>
                      <a:cubicBezTo>
                        <a:pt x="318878" y="401155"/>
                        <a:pt x="320840" y="399278"/>
                        <a:pt x="320897" y="396907"/>
                      </a:cubicBezTo>
                      <a:cubicBezTo>
                        <a:pt x="320897" y="396840"/>
                        <a:pt x="320897" y="396783"/>
                        <a:pt x="320897" y="396716"/>
                      </a:cubicBezTo>
                      <a:lnTo>
                        <a:pt x="320897" y="303085"/>
                      </a:lnTo>
                      <a:cubicBezTo>
                        <a:pt x="321412" y="298113"/>
                        <a:pt x="325850" y="294503"/>
                        <a:pt x="330822" y="295008"/>
                      </a:cubicBezTo>
                      <a:cubicBezTo>
                        <a:pt x="335090" y="295446"/>
                        <a:pt x="338461" y="298818"/>
                        <a:pt x="338900" y="303085"/>
                      </a:cubicBezTo>
                      <a:lnTo>
                        <a:pt x="338900" y="396716"/>
                      </a:lnTo>
                      <a:cubicBezTo>
                        <a:pt x="338900" y="409080"/>
                        <a:pt x="328879" y="419100"/>
                        <a:pt x="316516" y="419100"/>
                      </a:cubicBezTo>
                      <a:close/>
                      <a:moveTo>
                        <a:pt x="249841" y="23908"/>
                      </a:moveTo>
                      <a:cubicBezTo>
                        <a:pt x="249269" y="23813"/>
                        <a:pt x="248698" y="23813"/>
                        <a:pt x="248126" y="23908"/>
                      </a:cubicBezTo>
                      <a:cubicBezTo>
                        <a:pt x="246469" y="24594"/>
                        <a:pt x="245383" y="26203"/>
                        <a:pt x="245364" y="28003"/>
                      </a:cubicBezTo>
                      <a:lnTo>
                        <a:pt x="245364" y="89249"/>
                      </a:lnTo>
                      <a:cubicBezTo>
                        <a:pt x="245364" y="91669"/>
                        <a:pt x="247326" y="93631"/>
                        <a:pt x="249746" y="93631"/>
                      </a:cubicBezTo>
                      <a:cubicBezTo>
                        <a:pt x="249774" y="93631"/>
                        <a:pt x="249812" y="93631"/>
                        <a:pt x="249841" y="93631"/>
                      </a:cubicBezTo>
                      <a:lnTo>
                        <a:pt x="311086" y="93631"/>
                      </a:lnTo>
                      <a:cubicBezTo>
                        <a:pt x="313506" y="93631"/>
                        <a:pt x="315468" y="91669"/>
                        <a:pt x="315468" y="89249"/>
                      </a:cubicBezTo>
                      <a:cubicBezTo>
                        <a:pt x="315459" y="88106"/>
                        <a:pt x="315020" y="87020"/>
                        <a:pt x="314230" y="86201"/>
                      </a:cubicBezTo>
                      <a:lnTo>
                        <a:pt x="252889" y="24860"/>
                      </a:lnTo>
                      <a:cubicBezTo>
                        <a:pt x="252031" y="24165"/>
                        <a:pt x="250946" y="23822"/>
                        <a:pt x="249841" y="23908"/>
                      </a:cubicBezTo>
                      <a:close/>
                    </a:path>
                  </a:pathLst>
                </a:custGeom>
                <a:solidFill>
                  <a:srgbClr val="265998"/>
                </a:solidFill>
                <a:ln w="9525" cap="flat">
                  <a:noFill/>
                  <a:prstDash val="solid"/>
                  <a:miter/>
                </a:ln>
              </p:spPr>
              <p:txBody>
                <a:bodyPr rtlCol="0" anchor="ctr"/>
                <a:lstStyle/>
                <a:p>
                  <a:endParaRPr lang="en-AU"/>
                </a:p>
              </p:txBody>
            </p:sp>
            <p:sp>
              <p:nvSpPr>
                <p:cNvPr id="28" name="Graphic 2">
                  <a:extLst>
                    <a:ext uri="{FF2B5EF4-FFF2-40B4-BE49-F238E27FC236}">
                      <a16:creationId xmlns:a16="http://schemas.microsoft.com/office/drawing/2014/main" id="{00368300-73FE-FD2D-C779-A5074D620600}"/>
                    </a:ext>
                  </a:extLst>
                </p:cNvPr>
                <p:cNvSpPr/>
                <p:nvPr/>
              </p:nvSpPr>
              <p:spPr>
                <a:xfrm>
                  <a:off x="1970694" y="2299747"/>
                  <a:ext cx="69779" cy="18002"/>
                </a:xfrm>
                <a:custGeom>
                  <a:avLst/>
                  <a:gdLst>
                    <a:gd name="connsiteX0" fmla="*/ 8124 w 69779"/>
                    <a:gd name="connsiteY0" fmla="*/ 18002 h 18002"/>
                    <a:gd name="connsiteX1" fmla="*/ 47 w 69779"/>
                    <a:gd name="connsiteY1" fmla="*/ 8077 h 18002"/>
                    <a:gd name="connsiteX2" fmla="*/ 8124 w 69779"/>
                    <a:gd name="connsiteY2" fmla="*/ 0 h 18002"/>
                    <a:gd name="connsiteX3" fmla="*/ 61655 w 69779"/>
                    <a:gd name="connsiteY3" fmla="*/ 0 h 18002"/>
                    <a:gd name="connsiteX4" fmla="*/ 69732 w 69779"/>
                    <a:gd name="connsiteY4" fmla="*/ 9925 h 18002"/>
                    <a:gd name="connsiteX5" fmla="*/ 61655 w 69779"/>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9779" h="18002">
                      <a:moveTo>
                        <a:pt x="8124" y="18002"/>
                      </a:moveTo>
                      <a:cubicBezTo>
                        <a:pt x="3152" y="17488"/>
                        <a:pt x="-458" y="13049"/>
                        <a:pt x="47" y="8077"/>
                      </a:cubicBezTo>
                      <a:cubicBezTo>
                        <a:pt x="485" y="3810"/>
                        <a:pt x="3857" y="438"/>
                        <a:pt x="8124" y="0"/>
                      </a:cubicBezTo>
                      <a:lnTo>
                        <a:pt x="61655" y="0"/>
                      </a:lnTo>
                      <a:cubicBezTo>
                        <a:pt x="66627" y="514"/>
                        <a:pt x="70237" y="4953"/>
                        <a:pt x="69732" y="9925"/>
                      </a:cubicBezTo>
                      <a:cubicBezTo>
                        <a:pt x="69294" y="14192"/>
                        <a:pt x="65922" y="17564"/>
                        <a:pt x="61655" y="18002"/>
                      </a:cubicBezTo>
                      <a:close/>
                    </a:path>
                  </a:pathLst>
                </a:custGeom>
                <a:solidFill>
                  <a:srgbClr val="265998"/>
                </a:solidFill>
                <a:ln w="9525" cap="flat">
                  <a:noFill/>
                  <a:prstDash val="solid"/>
                  <a:miter/>
                </a:ln>
              </p:spPr>
              <p:txBody>
                <a:bodyPr rtlCol="0" anchor="ctr"/>
                <a:lstStyle/>
                <a:p>
                  <a:endParaRPr lang="en-AU"/>
                </a:p>
              </p:txBody>
            </p:sp>
            <p:sp>
              <p:nvSpPr>
                <p:cNvPr id="29" name="Graphic 2">
                  <a:extLst>
                    <a:ext uri="{FF2B5EF4-FFF2-40B4-BE49-F238E27FC236}">
                      <a16:creationId xmlns:a16="http://schemas.microsoft.com/office/drawing/2014/main" id="{F6454823-7E37-343A-35DF-67A0EA10CEA9}"/>
                    </a:ext>
                  </a:extLst>
                </p:cNvPr>
                <p:cNvSpPr/>
                <p:nvPr/>
              </p:nvSpPr>
              <p:spPr>
                <a:xfrm>
                  <a:off x="1916429" y="2353373"/>
                  <a:ext cx="164973" cy="17906"/>
                </a:xfrm>
                <a:custGeom>
                  <a:avLst/>
                  <a:gdLst>
                    <a:gd name="connsiteX0" fmla="*/ 8954 w 164973"/>
                    <a:gd name="connsiteY0" fmla="*/ 17907 h 17906"/>
                    <a:gd name="connsiteX1" fmla="*/ 0 w 164973"/>
                    <a:gd name="connsiteY1" fmla="*/ 8953 h 17906"/>
                    <a:gd name="connsiteX2" fmla="*/ 8954 w 164973"/>
                    <a:gd name="connsiteY2" fmla="*/ 0 h 17906"/>
                    <a:gd name="connsiteX3" fmla="*/ 156020 w 164973"/>
                    <a:gd name="connsiteY3" fmla="*/ 0 h 17906"/>
                    <a:gd name="connsiteX4" fmla="*/ 164973 w 164973"/>
                    <a:gd name="connsiteY4" fmla="*/ 8953 h 17906"/>
                    <a:gd name="connsiteX5" fmla="*/ 156020 w 164973"/>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4973" h="17906">
                      <a:moveTo>
                        <a:pt x="8954" y="17907"/>
                      </a:moveTo>
                      <a:cubicBezTo>
                        <a:pt x="4010" y="17907"/>
                        <a:pt x="0" y="13897"/>
                        <a:pt x="0" y="8953"/>
                      </a:cubicBezTo>
                      <a:cubicBezTo>
                        <a:pt x="0" y="4010"/>
                        <a:pt x="4010" y="0"/>
                        <a:pt x="8954" y="0"/>
                      </a:cubicBezTo>
                      <a:lnTo>
                        <a:pt x="156020" y="0"/>
                      </a:lnTo>
                      <a:cubicBezTo>
                        <a:pt x="160963" y="0"/>
                        <a:pt x="164973" y="4010"/>
                        <a:pt x="164973" y="8953"/>
                      </a:cubicBezTo>
                      <a:cubicBezTo>
                        <a:pt x="164973" y="13897"/>
                        <a:pt x="160963" y="17907"/>
                        <a:pt x="156020" y="17907"/>
                      </a:cubicBezTo>
                      <a:close/>
                    </a:path>
                  </a:pathLst>
                </a:custGeom>
                <a:solidFill>
                  <a:srgbClr val="265998"/>
                </a:solidFill>
                <a:ln w="9525" cap="flat">
                  <a:noFill/>
                  <a:prstDash val="solid"/>
                  <a:miter/>
                </a:ln>
              </p:spPr>
              <p:txBody>
                <a:bodyPr rtlCol="0" anchor="ctr"/>
                <a:lstStyle/>
                <a:p>
                  <a:endParaRPr lang="en-AU"/>
                </a:p>
              </p:txBody>
            </p:sp>
            <p:sp>
              <p:nvSpPr>
                <p:cNvPr id="30" name="Graphic 2">
                  <a:extLst>
                    <a:ext uri="{FF2B5EF4-FFF2-40B4-BE49-F238E27FC236}">
                      <a16:creationId xmlns:a16="http://schemas.microsoft.com/office/drawing/2014/main" id="{984B03EC-E226-EC16-A6E3-2EBEC43AB4F3}"/>
                    </a:ext>
                  </a:extLst>
                </p:cNvPr>
                <p:cNvSpPr/>
                <p:nvPr/>
              </p:nvSpPr>
              <p:spPr>
                <a:xfrm>
                  <a:off x="1917259" y="2406808"/>
                  <a:ext cx="110165" cy="18002"/>
                </a:xfrm>
                <a:custGeom>
                  <a:avLst/>
                  <a:gdLst>
                    <a:gd name="connsiteX0" fmla="*/ 8124 w 110165"/>
                    <a:gd name="connsiteY0" fmla="*/ 18002 h 18002"/>
                    <a:gd name="connsiteX1" fmla="*/ 47 w 110165"/>
                    <a:gd name="connsiteY1" fmla="*/ 8077 h 18002"/>
                    <a:gd name="connsiteX2" fmla="*/ 8124 w 110165"/>
                    <a:gd name="connsiteY2" fmla="*/ 0 h 18002"/>
                    <a:gd name="connsiteX3" fmla="*/ 102041 w 110165"/>
                    <a:gd name="connsiteY3" fmla="*/ 0 h 18002"/>
                    <a:gd name="connsiteX4" fmla="*/ 110118 w 110165"/>
                    <a:gd name="connsiteY4" fmla="*/ 9925 h 18002"/>
                    <a:gd name="connsiteX5" fmla="*/ 102041 w 110165"/>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0165" h="18002">
                      <a:moveTo>
                        <a:pt x="8124" y="18002"/>
                      </a:moveTo>
                      <a:cubicBezTo>
                        <a:pt x="3152" y="17488"/>
                        <a:pt x="-458" y="13049"/>
                        <a:pt x="47" y="8077"/>
                      </a:cubicBezTo>
                      <a:cubicBezTo>
                        <a:pt x="485" y="3810"/>
                        <a:pt x="3857" y="438"/>
                        <a:pt x="8124" y="0"/>
                      </a:cubicBezTo>
                      <a:lnTo>
                        <a:pt x="102041" y="0"/>
                      </a:lnTo>
                      <a:cubicBezTo>
                        <a:pt x="107013" y="514"/>
                        <a:pt x="110623" y="4953"/>
                        <a:pt x="110118" y="9925"/>
                      </a:cubicBezTo>
                      <a:cubicBezTo>
                        <a:pt x="109680" y="14192"/>
                        <a:pt x="106308" y="17564"/>
                        <a:pt x="102041" y="18002"/>
                      </a:cubicBezTo>
                      <a:close/>
                    </a:path>
                  </a:pathLst>
                </a:custGeom>
                <a:solidFill>
                  <a:srgbClr val="265998"/>
                </a:solidFill>
                <a:ln w="9525" cap="flat">
                  <a:noFill/>
                  <a:prstDash val="solid"/>
                  <a:miter/>
                </a:ln>
              </p:spPr>
              <p:txBody>
                <a:bodyPr rtlCol="0" anchor="ctr"/>
                <a:lstStyle/>
                <a:p>
                  <a:endParaRPr lang="en-AU"/>
                </a:p>
              </p:txBody>
            </p:sp>
            <p:sp>
              <p:nvSpPr>
                <p:cNvPr id="31" name="Graphic 2">
                  <a:extLst>
                    <a:ext uri="{FF2B5EF4-FFF2-40B4-BE49-F238E27FC236}">
                      <a16:creationId xmlns:a16="http://schemas.microsoft.com/office/drawing/2014/main" id="{A8F37500-1C94-3193-0321-2E6F70BF10E4}"/>
                    </a:ext>
                  </a:extLst>
                </p:cNvPr>
                <p:cNvSpPr/>
                <p:nvPr/>
              </p:nvSpPr>
              <p:spPr>
                <a:xfrm>
                  <a:off x="1916429" y="2460339"/>
                  <a:ext cx="71342" cy="17907"/>
                </a:xfrm>
                <a:custGeom>
                  <a:avLst/>
                  <a:gdLst>
                    <a:gd name="connsiteX0" fmla="*/ 8954 w 71342"/>
                    <a:gd name="connsiteY0" fmla="*/ 17907 h 17907"/>
                    <a:gd name="connsiteX1" fmla="*/ 0 w 71342"/>
                    <a:gd name="connsiteY1" fmla="*/ 8954 h 17907"/>
                    <a:gd name="connsiteX2" fmla="*/ 8954 w 71342"/>
                    <a:gd name="connsiteY2" fmla="*/ 0 h 17907"/>
                    <a:gd name="connsiteX3" fmla="*/ 62389 w 71342"/>
                    <a:gd name="connsiteY3" fmla="*/ 0 h 17907"/>
                    <a:gd name="connsiteX4" fmla="*/ 71342 w 71342"/>
                    <a:gd name="connsiteY4" fmla="*/ 8954 h 17907"/>
                    <a:gd name="connsiteX5" fmla="*/ 62389 w 71342"/>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1342" h="17907">
                      <a:moveTo>
                        <a:pt x="8954" y="17907"/>
                      </a:moveTo>
                      <a:cubicBezTo>
                        <a:pt x="4010" y="17907"/>
                        <a:pt x="0" y="13897"/>
                        <a:pt x="0" y="8954"/>
                      </a:cubicBezTo>
                      <a:cubicBezTo>
                        <a:pt x="0" y="4010"/>
                        <a:pt x="4010" y="0"/>
                        <a:pt x="8954" y="0"/>
                      </a:cubicBezTo>
                      <a:lnTo>
                        <a:pt x="62389" y="0"/>
                      </a:lnTo>
                      <a:cubicBezTo>
                        <a:pt x="67332" y="0"/>
                        <a:pt x="71342" y="4010"/>
                        <a:pt x="71342" y="8954"/>
                      </a:cubicBezTo>
                      <a:cubicBezTo>
                        <a:pt x="71342" y="13897"/>
                        <a:pt x="67332" y="17907"/>
                        <a:pt x="62389" y="17907"/>
                      </a:cubicBezTo>
                      <a:close/>
                    </a:path>
                  </a:pathLst>
                </a:custGeom>
                <a:solidFill>
                  <a:srgbClr val="265998"/>
                </a:solidFill>
                <a:ln w="9525" cap="flat">
                  <a:noFill/>
                  <a:prstDash val="solid"/>
                  <a:miter/>
                </a:ln>
              </p:spPr>
              <p:txBody>
                <a:bodyPr rtlCol="0" anchor="ctr"/>
                <a:lstStyle/>
                <a:p>
                  <a:endParaRPr lang="en-AU"/>
                </a:p>
              </p:txBody>
            </p:sp>
            <p:sp>
              <p:nvSpPr>
                <p:cNvPr id="37" name="Graphic 2">
                  <a:extLst>
                    <a:ext uri="{FF2B5EF4-FFF2-40B4-BE49-F238E27FC236}">
                      <a16:creationId xmlns:a16="http://schemas.microsoft.com/office/drawing/2014/main" id="{3692DD22-88BB-0025-9B0B-E311D4FAC156}"/>
                    </a:ext>
                  </a:extLst>
                </p:cNvPr>
                <p:cNvSpPr/>
                <p:nvPr/>
              </p:nvSpPr>
              <p:spPr>
                <a:xfrm>
                  <a:off x="1916429" y="2527204"/>
                  <a:ext cx="58007" cy="17906"/>
                </a:xfrm>
                <a:custGeom>
                  <a:avLst/>
                  <a:gdLst>
                    <a:gd name="connsiteX0" fmla="*/ 8954 w 58007"/>
                    <a:gd name="connsiteY0" fmla="*/ 17907 h 17906"/>
                    <a:gd name="connsiteX1" fmla="*/ 0 w 58007"/>
                    <a:gd name="connsiteY1" fmla="*/ 8953 h 17906"/>
                    <a:gd name="connsiteX2" fmla="*/ 8954 w 58007"/>
                    <a:gd name="connsiteY2" fmla="*/ 0 h 17906"/>
                    <a:gd name="connsiteX3" fmla="*/ 49054 w 58007"/>
                    <a:gd name="connsiteY3" fmla="*/ 0 h 17906"/>
                    <a:gd name="connsiteX4" fmla="*/ 58007 w 58007"/>
                    <a:gd name="connsiteY4" fmla="*/ 8953 h 17906"/>
                    <a:gd name="connsiteX5" fmla="*/ 49054 w 58007"/>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8007" h="17906">
                      <a:moveTo>
                        <a:pt x="8954" y="17907"/>
                      </a:moveTo>
                      <a:cubicBezTo>
                        <a:pt x="4010" y="17907"/>
                        <a:pt x="0" y="13897"/>
                        <a:pt x="0" y="8953"/>
                      </a:cubicBezTo>
                      <a:cubicBezTo>
                        <a:pt x="0" y="4010"/>
                        <a:pt x="4010" y="0"/>
                        <a:pt x="8954" y="0"/>
                      </a:cubicBezTo>
                      <a:lnTo>
                        <a:pt x="49054" y="0"/>
                      </a:lnTo>
                      <a:cubicBezTo>
                        <a:pt x="53997" y="0"/>
                        <a:pt x="58007" y="4010"/>
                        <a:pt x="58007" y="8953"/>
                      </a:cubicBezTo>
                      <a:cubicBezTo>
                        <a:pt x="58007" y="13897"/>
                        <a:pt x="53997" y="17907"/>
                        <a:pt x="49054" y="17907"/>
                      </a:cubicBezTo>
                      <a:close/>
                    </a:path>
                  </a:pathLst>
                </a:custGeom>
                <a:solidFill>
                  <a:srgbClr val="265998"/>
                </a:solidFill>
                <a:ln w="9525" cap="flat">
                  <a:noFill/>
                  <a:prstDash val="solid"/>
                  <a:miter/>
                </a:ln>
              </p:spPr>
              <p:txBody>
                <a:bodyPr rtlCol="0" anchor="ctr"/>
                <a:lstStyle/>
                <a:p>
                  <a:endParaRPr lang="en-AU"/>
                </a:p>
              </p:txBody>
            </p:sp>
            <p:sp>
              <p:nvSpPr>
                <p:cNvPr id="39" name="Graphic 2">
                  <a:extLst>
                    <a:ext uri="{FF2B5EF4-FFF2-40B4-BE49-F238E27FC236}">
                      <a16:creationId xmlns:a16="http://schemas.microsoft.com/office/drawing/2014/main" id="{192BD4E2-33A4-961A-F302-CCE2F19FEE13}"/>
                    </a:ext>
                  </a:extLst>
                </p:cNvPr>
                <p:cNvSpPr/>
                <p:nvPr/>
              </p:nvSpPr>
              <p:spPr>
                <a:xfrm>
                  <a:off x="1996640" y="2340326"/>
                  <a:ext cx="204737" cy="204786"/>
                </a:xfrm>
                <a:custGeom>
                  <a:avLst/>
                  <a:gdLst>
                    <a:gd name="connsiteX0" fmla="*/ 8944 w 204737"/>
                    <a:gd name="connsiteY0" fmla="*/ 204786 h 204786"/>
                    <a:gd name="connsiteX1" fmla="*/ 0 w 204737"/>
                    <a:gd name="connsiteY1" fmla="*/ 195823 h 204786"/>
                    <a:gd name="connsiteX2" fmla="*/ 276 w 204737"/>
                    <a:gd name="connsiteY2" fmla="*/ 193641 h 204786"/>
                    <a:gd name="connsiteX3" fmla="*/ 13611 w 204737"/>
                    <a:gd name="connsiteY3" fmla="*/ 140206 h 204786"/>
                    <a:gd name="connsiteX4" fmla="*/ 15992 w 204737"/>
                    <a:gd name="connsiteY4" fmla="*/ 136015 h 204786"/>
                    <a:gd name="connsiteX5" fmla="*/ 149342 w 204737"/>
                    <a:gd name="connsiteY5" fmla="*/ 2665 h 204786"/>
                    <a:gd name="connsiteX6" fmla="*/ 161868 w 204737"/>
                    <a:gd name="connsiteY6" fmla="*/ 2522 h 204786"/>
                    <a:gd name="connsiteX7" fmla="*/ 162011 w 204737"/>
                    <a:gd name="connsiteY7" fmla="*/ 2665 h 204786"/>
                    <a:gd name="connsiteX8" fmla="*/ 202111 w 204737"/>
                    <a:gd name="connsiteY8" fmla="*/ 42765 h 204786"/>
                    <a:gd name="connsiteX9" fmla="*/ 202121 w 204737"/>
                    <a:gd name="connsiteY9" fmla="*/ 55424 h 204786"/>
                    <a:gd name="connsiteX10" fmla="*/ 202111 w 204737"/>
                    <a:gd name="connsiteY10" fmla="*/ 55434 h 204786"/>
                    <a:gd name="connsiteX11" fmla="*/ 68761 w 204737"/>
                    <a:gd name="connsiteY11" fmla="*/ 188784 h 204786"/>
                    <a:gd name="connsiteX12" fmla="*/ 64665 w 204737"/>
                    <a:gd name="connsiteY12" fmla="*/ 191165 h 204786"/>
                    <a:gd name="connsiteX13" fmla="*/ 11135 w 204737"/>
                    <a:gd name="connsiteY13" fmla="*/ 204500 h 204786"/>
                    <a:gd name="connsiteX14" fmla="*/ 8944 w 204737"/>
                    <a:gd name="connsiteY14" fmla="*/ 204786 h 204786"/>
                    <a:gd name="connsiteX15" fmla="*/ 49044 w 204737"/>
                    <a:gd name="connsiteY15" fmla="*/ 130110 h 204786"/>
                    <a:gd name="connsiteX16" fmla="*/ 45996 w 204737"/>
                    <a:gd name="connsiteY16" fmla="*/ 131443 h 204786"/>
                    <a:gd name="connsiteX17" fmla="*/ 31328 w 204737"/>
                    <a:gd name="connsiteY17" fmla="*/ 146112 h 204786"/>
                    <a:gd name="connsiteX18" fmla="*/ 30185 w 204737"/>
                    <a:gd name="connsiteY18" fmla="*/ 148112 h 204786"/>
                    <a:gd name="connsiteX19" fmla="*/ 23041 w 204737"/>
                    <a:gd name="connsiteY19" fmla="*/ 176687 h 204786"/>
                    <a:gd name="connsiteX20" fmla="*/ 24279 w 204737"/>
                    <a:gd name="connsiteY20" fmla="*/ 180878 h 204786"/>
                    <a:gd name="connsiteX21" fmla="*/ 27327 w 204737"/>
                    <a:gd name="connsiteY21" fmla="*/ 182116 h 204786"/>
                    <a:gd name="connsiteX22" fmla="*/ 28375 w 204737"/>
                    <a:gd name="connsiteY22" fmla="*/ 182116 h 204786"/>
                    <a:gd name="connsiteX23" fmla="*/ 56950 w 204737"/>
                    <a:gd name="connsiteY23" fmla="*/ 174973 h 204786"/>
                    <a:gd name="connsiteX24" fmla="*/ 58950 w 204737"/>
                    <a:gd name="connsiteY24" fmla="*/ 173829 h 204786"/>
                    <a:gd name="connsiteX25" fmla="*/ 73714 w 204737"/>
                    <a:gd name="connsiteY25" fmla="*/ 159161 h 204786"/>
                    <a:gd name="connsiteX26" fmla="*/ 74952 w 204737"/>
                    <a:gd name="connsiteY26" fmla="*/ 156113 h 204786"/>
                    <a:gd name="connsiteX27" fmla="*/ 73714 w 204737"/>
                    <a:gd name="connsiteY27" fmla="*/ 152970 h 204786"/>
                    <a:gd name="connsiteX28" fmla="*/ 52473 w 204737"/>
                    <a:gd name="connsiteY28" fmla="*/ 131824 h 204786"/>
                    <a:gd name="connsiteX29" fmla="*/ 49044 w 204737"/>
                    <a:gd name="connsiteY29" fmla="*/ 129824 h 204786"/>
                    <a:gd name="connsiteX30" fmla="*/ 75809 w 204737"/>
                    <a:gd name="connsiteY30" fmla="*/ 103344 h 204786"/>
                    <a:gd name="connsiteX31" fmla="*/ 72761 w 204737"/>
                    <a:gd name="connsiteY31" fmla="*/ 104678 h 204786"/>
                    <a:gd name="connsiteX32" fmla="*/ 64856 w 204737"/>
                    <a:gd name="connsiteY32" fmla="*/ 112488 h 204786"/>
                    <a:gd name="connsiteX33" fmla="*/ 64856 w 204737"/>
                    <a:gd name="connsiteY33" fmla="*/ 118680 h 204786"/>
                    <a:gd name="connsiteX34" fmla="*/ 86096 w 204737"/>
                    <a:gd name="connsiteY34" fmla="*/ 139920 h 204786"/>
                    <a:gd name="connsiteX35" fmla="*/ 89240 w 204737"/>
                    <a:gd name="connsiteY35" fmla="*/ 141159 h 204786"/>
                    <a:gd name="connsiteX36" fmla="*/ 92288 w 204737"/>
                    <a:gd name="connsiteY36" fmla="*/ 139920 h 204786"/>
                    <a:gd name="connsiteX37" fmla="*/ 100098 w 204737"/>
                    <a:gd name="connsiteY37" fmla="*/ 132110 h 204786"/>
                    <a:gd name="connsiteX38" fmla="*/ 100098 w 204737"/>
                    <a:gd name="connsiteY38" fmla="*/ 125823 h 204786"/>
                    <a:gd name="connsiteX39" fmla="*/ 78953 w 204737"/>
                    <a:gd name="connsiteY39" fmla="*/ 104678 h 204786"/>
                    <a:gd name="connsiteX40" fmla="*/ 75809 w 204737"/>
                    <a:gd name="connsiteY40" fmla="*/ 103344 h 204786"/>
                    <a:gd name="connsiteX41" fmla="*/ 156010 w 204737"/>
                    <a:gd name="connsiteY41" fmla="*/ 23144 h 204786"/>
                    <a:gd name="connsiteX42" fmla="*/ 152962 w 204737"/>
                    <a:gd name="connsiteY42" fmla="*/ 24477 h 204786"/>
                    <a:gd name="connsiteX43" fmla="*/ 91621 w 204737"/>
                    <a:gd name="connsiteY43" fmla="*/ 85723 h 204786"/>
                    <a:gd name="connsiteX44" fmla="*/ 91621 w 204737"/>
                    <a:gd name="connsiteY44" fmla="*/ 91915 h 204786"/>
                    <a:gd name="connsiteX45" fmla="*/ 112862 w 204737"/>
                    <a:gd name="connsiteY45" fmla="*/ 113155 h 204786"/>
                    <a:gd name="connsiteX46" fmla="*/ 115910 w 204737"/>
                    <a:gd name="connsiteY46" fmla="*/ 114489 h 204786"/>
                    <a:gd name="connsiteX47" fmla="*/ 119053 w 204737"/>
                    <a:gd name="connsiteY47" fmla="*/ 113155 h 204786"/>
                    <a:gd name="connsiteX48" fmla="*/ 180394 w 204737"/>
                    <a:gd name="connsiteY48" fmla="*/ 51814 h 204786"/>
                    <a:gd name="connsiteX49" fmla="*/ 180394 w 204737"/>
                    <a:gd name="connsiteY49" fmla="*/ 45623 h 204786"/>
                    <a:gd name="connsiteX50" fmla="*/ 159153 w 204737"/>
                    <a:gd name="connsiteY50" fmla="*/ 24477 h 204786"/>
                    <a:gd name="connsiteX51" fmla="*/ 156010 w 204737"/>
                    <a:gd name="connsiteY51" fmla="*/ 23144 h 204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204737" h="204786">
                      <a:moveTo>
                        <a:pt x="8944" y="204786"/>
                      </a:moveTo>
                      <a:cubicBezTo>
                        <a:pt x="4000" y="204776"/>
                        <a:pt x="0" y="200766"/>
                        <a:pt x="0" y="195823"/>
                      </a:cubicBezTo>
                      <a:cubicBezTo>
                        <a:pt x="9" y="195089"/>
                        <a:pt x="95" y="194356"/>
                        <a:pt x="276" y="193641"/>
                      </a:cubicBezTo>
                      <a:lnTo>
                        <a:pt x="13611" y="140206"/>
                      </a:lnTo>
                      <a:cubicBezTo>
                        <a:pt x="14002" y="138616"/>
                        <a:pt x="14821" y="137158"/>
                        <a:pt x="15992" y="136015"/>
                      </a:cubicBezTo>
                      <a:lnTo>
                        <a:pt x="149342" y="2665"/>
                      </a:lnTo>
                      <a:cubicBezTo>
                        <a:pt x="152762" y="-830"/>
                        <a:pt x="158372" y="-897"/>
                        <a:pt x="161868" y="2522"/>
                      </a:cubicBezTo>
                      <a:cubicBezTo>
                        <a:pt x="161915" y="2570"/>
                        <a:pt x="161963" y="2618"/>
                        <a:pt x="162011" y="2665"/>
                      </a:cubicBezTo>
                      <a:lnTo>
                        <a:pt x="202111" y="42765"/>
                      </a:lnTo>
                      <a:cubicBezTo>
                        <a:pt x="205607" y="46261"/>
                        <a:pt x="205616" y="51929"/>
                        <a:pt x="202121" y="55424"/>
                      </a:cubicBezTo>
                      <a:cubicBezTo>
                        <a:pt x="202111" y="55434"/>
                        <a:pt x="202111" y="55434"/>
                        <a:pt x="202111" y="55434"/>
                      </a:cubicBezTo>
                      <a:lnTo>
                        <a:pt x="68761" y="188784"/>
                      </a:lnTo>
                      <a:cubicBezTo>
                        <a:pt x="67637" y="189927"/>
                        <a:pt x="66218" y="190755"/>
                        <a:pt x="64665" y="191165"/>
                      </a:cubicBezTo>
                      <a:lnTo>
                        <a:pt x="11135" y="204500"/>
                      </a:lnTo>
                      <a:cubicBezTo>
                        <a:pt x="10420" y="204690"/>
                        <a:pt x="9687" y="204795"/>
                        <a:pt x="8944" y="204786"/>
                      </a:cubicBezTo>
                      <a:close/>
                      <a:moveTo>
                        <a:pt x="49044" y="130110"/>
                      </a:moveTo>
                      <a:cubicBezTo>
                        <a:pt x="47882" y="130100"/>
                        <a:pt x="46777" y="130586"/>
                        <a:pt x="45996" y="131443"/>
                      </a:cubicBezTo>
                      <a:lnTo>
                        <a:pt x="31328" y="146112"/>
                      </a:lnTo>
                      <a:cubicBezTo>
                        <a:pt x="30775" y="146664"/>
                        <a:pt x="30375" y="147350"/>
                        <a:pt x="30185" y="148112"/>
                      </a:cubicBezTo>
                      <a:lnTo>
                        <a:pt x="23041" y="176687"/>
                      </a:lnTo>
                      <a:cubicBezTo>
                        <a:pt x="22679" y="178201"/>
                        <a:pt x="23146" y="179802"/>
                        <a:pt x="24279" y="180878"/>
                      </a:cubicBezTo>
                      <a:cubicBezTo>
                        <a:pt x="25098" y="181668"/>
                        <a:pt x="26184" y="182116"/>
                        <a:pt x="27327" y="182116"/>
                      </a:cubicBezTo>
                      <a:lnTo>
                        <a:pt x="28375" y="182116"/>
                      </a:lnTo>
                      <a:lnTo>
                        <a:pt x="56950" y="174973"/>
                      </a:lnTo>
                      <a:cubicBezTo>
                        <a:pt x="57721" y="174811"/>
                        <a:pt x="58417" y="174410"/>
                        <a:pt x="58950" y="173829"/>
                      </a:cubicBezTo>
                      <a:lnTo>
                        <a:pt x="73714" y="159161"/>
                      </a:lnTo>
                      <a:cubicBezTo>
                        <a:pt x="74504" y="158342"/>
                        <a:pt x="74952" y="157256"/>
                        <a:pt x="74952" y="156113"/>
                      </a:cubicBezTo>
                      <a:cubicBezTo>
                        <a:pt x="74933" y="154951"/>
                        <a:pt x="74485" y="153836"/>
                        <a:pt x="73714" y="152970"/>
                      </a:cubicBezTo>
                      <a:lnTo>
                        <a:pt x="52473" y="131824"/>
                      </a:lnTo>
                      <a:cubicBezTo>
                        <a:pt x="51730" y="130634"/>
                        <a:pt x="50444" y="129891"/>
                        <a:pt x="49044" y="129824"/>
                      </a:cubicBezTo>
                      <a:close/>
                      <a:moveTo>
                        <a:pt x="75809" y="103344"/>
                      </a:moveTo>
                      <a:cubicBezTo>
                        <a:pt x="74657" y="103364"/>
                        <a:pt x="73552" y="103840"/>
                        <a:pt x="72761" y="104678"/>
                      </a:cubicBezTo>
                      <a:lnTo>
                        <a:pt x="64856" y="112488"/>
                      </a:lnTo>
                      <a:cubicBezTo>
                        <a:pt x="63151" y="114203"/>
                        <a:pt x="63151" y="116965"/>
                        <a:pt x="64856" y="118680"/>
                      </a:cubicBezTo>
                      <a:lnTo>
                        <a:pt x="86096" y="139920"/>
                      </a:lnTo>
                      <a:cubicBezTo>
                        <a:pt x="86935" y="140740"/>
                        <a:pt x="88068" y="141187"/>
                        <a:pt x="89240" y="141159"/>
                      </a:cubicBezTo>
                      <a:cubicBezTo>
                        <a:pt x="90383" y="141168"/>
                        <a:pt x="91478" y="140721"/>
                        <a:pt x="92288" y="139920"/>
                      </a:cubicBezTo>
                      <a:lnTo>
                        <a:pt x="100098" y="132110"/>
                      </a:lnTo>
                      <a:cubicBezTo>
                        <a:pt x="101813" y="130367"/>
                        <a:pt x="101813" y="127567"/>
                        <a:pt x="100098" y="125823"/>
                      </a:cubicBezTo>
                      <a:lnTo>
                        <a:pt x="78953" y="104678"/>
                      </a:lnTo>
                      <a:cubicBezTo>
                        <a:pt x="78124" y="103840"/>
                        <a:pt x="76991" y="103354"/>
                        <a:pt x="75809" y="103344"/>
                      </a:cubicBezTo>
                      <a:close/>
                      <a:moveTo>
                        <a:pt x="156010" y="23144"/>
                      </a:moveTo>
                      <a:cubicBezTo>
                        <a:pt x="154857" y="23182"/>
                        <a:pt x="153772" y="23658"/>
                        <a:pt x="152962" y="24477"/>
                      </a:cubicBezTo>
                      <a:lnTo>
                        <a:pt x="91621" y="85723"/>
                      </a:lnTo>
                      <a:cubicBezTo>
                        <a:pt x="89916" y="87438"/>
                        <a:pt x="89916" y="90200"/>
                        <a:pt x="91621" y="91915"/>
                      </a:cubicBezTo>
                      <a:lnTo>
                        <a:pt x="112862" y="113155"/>
                      </a:lnTo>
                      <a:cubicBezTo>
                        <a:pt x="113652" y="113993"/>
                        <a:pt x="114757" y="114470"/>
                        <a:pt x="115910" y="114489"/>
                      </a:cubicBezTo>
                      <a:cubicBezTo>
                        <a:pt x="117091" y="114479"/>
                        <a:pt x="118224" y="113993"/>
                        <a:pt x="119053" y="113155"/>
                      </a:cubicBezTo>
                      <a:lnTo>
                        <a:pt x="180394" y="51814"/>
                      </a:lnTo>
                      <a:cubicBezTo>
                        <a:pt x="182099" y="50100"/>
                        <a:pt x="182099" y="47337"/>
                        <a:pt x="180394" y="45623"/>
                      </a:cubicBezTo>
                      <a:lnTo>
                        <a:pt x="159153" y="24477"/>
                      </a:lnTo>
                      <a:cubicBezTo>
                        <a:pt x="158325" y="23639"/>
                        <a:pt x="157191" y="23153"/>
                        <a:pt x="156010" y="23144"/>
                      </a:cubicBezTo>
                      <a:close/>
                    </a:path>
                  </a:pathLst>
                </a:custGeom>
                <a:solidFill>
                  <a:srgbClr val="265998"/>
                </a:solidFill>
                <a:ln w="9525" cap="flat">
                  <a:noFill/>
                  <a:prstDash val="solid"/>
                  <a:miter/>
                </a:ln>
              </p:spPr>
              <p:txBody>
                <a:bodyPr rtlCol="0" anchor="ctr"/>
                <a:lstStyle/>
                <a:p>
                  <a:endParaRPr lang="en-AU"/>
                </a:p>
              </p:txBody>
            </p:sp>
          </p:grpSp>
        </p:grpSp>
        <p:grpSp>
          <p:nvGrpSpPr>
            <p:cNvPr id="40" name="Group 39">
              <a:extLst>
                <a:ext uri="{FF2B5EF4-FFF2-40B4-BE49-F238E27FC236}">
                  <a16:creationId xmlns:a16="http://schemas.microsoft.com/office/drawing/2014/main" id="{C9BD4080-DA6F-CB9F-65DD-0A9A6422C19E}"/>
                </a:ext>
              </a:extLst>
            </p:cNvPr>
            <p:cNvGrpSpPr/>
            <p:nvPr/>
          </p:nvGrpSpPr>
          <p:grpSpPr>
            <a:xfrm>
              <a:off x="6594758" y="2974672"/>
              <a:ext cx="400350" cy="459602"/>
              <a:chOff x="2859826" y="3589527"/>
              <a:chExt cx="400350" cy="419100"/>
            </a:xfrm>
          </p:grpSpPr>
          <p:sp>
            <p:nvSpPr>
              <p:cNvPr id="41" name="Graphic 142">
                <a:extLst>
                  <a:ext uri="{FF2B5EF4-FFF2-40B4-BE49-F238E27FC236}">
                    <a16:creationId xmlns:a16="http://schemas.microsoft.com/office/drawing/2014/main" id="{A09C5AB0-A19B-E834-36C6-87747573EEE6}"/>
                  </a:ext>
                </a:extLst>
              </p:cNvPr>
              <p:cNvSpPr/>
              <p:nvPr/>
            </p:nvSpPr>
            <p:spPr>
              <a:xfrm>
                <a:off x="2920936" y="3595909"/>
                <a:ext cx="278510" cy="276415"/>
              </a:xfrm>
              <a:custGeom>
                <a:avLst/>
                <a:gdLst>
                  <a:gd name="connsiteX0" fmla="*/ 278511 w 278510"/>
                  <a:gd name="connsiteY0" fmla="*/ 138208 h 276415"/>
                  <a:gd name="connsiteX1" fmla="*/ 139255 w 278510"/>
                  <a:gd name="connsiteY1" fmla="*/ 276416 h 276415"/>
                  <a:gd name="connsiteX2" fmla="*/ 0 w 278510"/>
                  <a:gd name="connsiteY2" fmla="*/ 138208 h 276415"/>
                  <a:gd name="connsiteX3" fmla="*/ 139255 w 278510"/>
                  <a:gd name="connsiteY3" fmla="*/ 0 h 276415"/>
                  <a:gd name="connsiteX4" fmla="*/ 278511 w 278510"/>
                  <a:gd name="connsiteY4" fmla="*/ 138208 h 27641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510" h="276415">
                    <a:moveTo>
                      <a:pt x="278511" y="138208"/>
                    </a:moveTo>
                    <a:cubicBezTo>
                      <a:pt x="278511" y="214538"/>
                      <a:pt x="216164" y="276416"/>
                      <a:pt x="139255" y="276416"/>
                    </a:cubicBezTo>
                    <a:cubicBezTo>
                      <a:pt x="62347" y="276416"/>
                      <a:pt x="0" y="214538"/>
                      <a:pt x="0" y="138208"/>
                    </a:cubicBezTo>
                    <a:cubicBezTo>
                      <a:pt x="0" y="61878"/>
                      <a:pt x="62347" y="0"/>
                      <a:pt x="139255" y="0"/>
                    </a:cubicBezTo>
                    <a:cubicBezTo>
                      <a:pt x="216164" y="0"/>
                      <a:pt x="278511" y="61878"/>
                      <a:pt x="278511" y="138208"/>
                    </a:cubicBezTo>
                    <a:close/>
                  </a:path>
                </a:pathLst>
              </a:custGeom>
              <a:solidFill>
                <a:srgbClr val="C7E4F1"/>
              </a:solidFill>
              <a:ln w="9525" cap="flat">
                <a:noFill/>
                <a:prstDash val="solid"/>
                <a:miter/>
              </a:ln>
            </p:spPr>
            <p:txBody>
              <a:bodyPr rtlCol="0" anchor="ctr"/>
              <a:lstStyle/>
              <a:p>
                <a:endParaRPr lang="en-AU"/>
              </a:p>
            </p:txBody>
          </p:sp>
          <p:sp>
            <p:nvSpPr>
              <p:cNvPr id="42" name="Graphic 142">
                <a:extLst>
                  <a:ext uri="{FF2B5EF4-FFF2-40B4-BE49-F238E27FC236}">
                    <a16:creationId xmlns:a16="http://schemas.microsoft.com/office/drawing/2014/main" id="{32C09080-0195-4626-051E-3564E88BE32E}"/>
                  </a:ext>
                </a:extLst>
              </p:cNvPr>
              <p:cNvSpPr/>
              <p:nvPr/>
            </p:nvSpPr>
            <p:spPr>
              <a:xfrm>
                <a:off x="2997708" y="3882326"/>
                <a:ext cx="124967" cy="75056"/>
              </a:xfrm>
              <a:custGeom>
                <a:avLst/>
                <a:gdLst>
                  <a:gd name="connsiteX0" fmla="*/ 0 w 124967"/>
                  <a:gd name="connsiteY0" fmla="*/ 0 h 75056"/>
                  <a:gd name="connsiteX1" fmla="*/ 124968 w 124967"/>
                  <a:gd name="connsiteY1" fmla="*/ 0 h 75056"/>
                  <a:gd name="connsiteX2" fmla="*/ 124968 w 124967"/>
                  <a:gd name="connsiteY2" fmla="*/ 75057 h 75056"/>
                  <a:gd name="connsiteX3" fmla="*/ 0 w 124967"/>
                  <a:gd name="connsiteY3" fmla="*/ 75057 h 75056"/>
                </a:gdLst>
                <a:ahLst/>
                <a:cxnLst>
                  <a:cxn ang="0">
                    <a:pos x="connsiteX0" y="connsiteY0"/>
                  </a:cxn>
                  <a:cxn ang="0">
                    <a:pos x="connsiteX1" y="connsiteY1"/>
                  </a:cxn>
                  <a:cxn ang="0">
                    <a:pos x="connsiteX2" y="connsiteY2"/>
                  </a:cxn>
                  <a:cxn ang="0">
                    <a:pos x="connsiteX3" y="connsiteY3"/>
                  </a:cxn>
                </a:cxnLst>
                <a:rect l="l" t="t" r="r" b="b"/>
                <a:pathLst>
                  <a:path w="124967" h="75056">
                    <a:moveTo>
                      <a:pt x="0" y="0"/>
                    </a:moveTo>
                    <a:lnTo>
                      <a:pt x="124968" y="0"/>
                    </a:lnTo>
                    <a:lnTo>
                      <a:pt x="124968" y="75057"/>
                    </a:lnTo>
                    <a:lnTo>
                      <a:pt x="0" y="75057"/>
                    </a:lnTo>
                    <a:close/>
                  </a:path>
                </a:pathLst>
              </a:custGeom>
              <a:solidFill>
                <a:srgbClr val="C7E4F1"/>
              </a:solidFill>
              <a:ln w="9525" cap="flat">
                <a:noFill/>
                <a:prstDash val="solid"/>
                <a:miter/>
              </a:ln>
            </p:spPr>
            <p:txBody>
              <a:bodyPr rtlCol="0" anchor="ctr"/>
              <a:lstStyle/>
              <a:p>
                <a:endParaRPr lang="en-AU"/>
              </a:p>
            </p:txBody>
          </p:sp>
          <p:sp>
            <p:nvSpPr>
              <p:cNvPr id="43" name="Graphic 142">
                <a:extLst>
                  <a:ext uri="{FF2B5EF4-FFF2-40B4-BE49-F238E27FC236}">
                    <a16:creationId xmlns:a16="http://schemas.microsoft.com/office/drawing/2014/main" id="{549A0A40-2B61-BF64-D462-90DD90E7D68B}"/>
                  </a:ext>
                </a:extLst>
              </p:cNvPr>
              <p:cNvSpPr/>
              <p:nvPr/>
            </p:nvSpPr>
            <p:spPr>
              <a:xfrm>
                <a:off x="3037236" y="3963384"/>
                <a:ext cx="43434" cy="29432"/>
              </a:xfrm>
              <a:custGeom>
                <a:avLst/>
                <a:gdLst>
                  <a:gd name="connsiteX0" fmla="*/ 0 w 43434"/>
                  <a:gd name="connsiteY0" fmla="*/ 0 h 29432"/>
                  <a:gd name="connsiteX1" fmla="*/ 43434 w 43434"/>
                  <a:gd name="connsiteY1" fmla="*/ 0 h 29432"/>
                  <a:gd name="connsiteX2" fmla="*/ 43434 w 43434"/>
                  <a:gd name="connsiteY2" fmla="*/ 29432 h 29432"/>
                  <a:gd name="connsiteX3" fmla="*/ 0 w 43434"/>
                  <a:gd name="connsiteY3" fmla="*/ 29432 h 29432"/>
                </a:gdLst>
                <a:ahLst/>
                <a:cxnLst>
                  <a:cxn ang="0">
                    <a:pos x="connsiteX0" y="connsiteY0"/>
                  </a:cxn>
                  <a:cxn ang="0">
                    <a:pos x="connsiteX1" y="connsiteY1"/>
                  </a:cxn>
                  <a:cxn ang="0">
                    <a:pos x="connsiteX2" y="connsiteY2"/>
                  </a:cxn>
                  <a:cxn ang="0">
                    <a:pos x="connsiteX3" y="connsiteY3"/>
                  </a:cxn>
                </a:cxnLst>
                <a:rect l="l" t="t" r="r" b="b"/>
                <a:pathLst>
                  <a:path w="43434" h="29432">
                    <a:moveTo>
                      <a:pt x="0" y="0"/>
                    </a:moveTo>
                    <a:lnTo>
                      <a:pt x="43434" y="0"/>
                    </a:lnTo>
                    <a:lnTo>
                      <a:pt x="43434" y="29432"/>
                    </a:lnTo>
                    <a:lnTo>
                      <a:pt x="0" y="29432"/>
                    </a:lnTo>
                    <a:close/>
                  </a:path>
                </a:pathLst>
              </a:custGeom>
              <a:solidFill>
                <a:srgbClr val="66B9DA"/>
              </a:solidFill>
              <a:ln w="9525" cap="flat">
                <a:noFill/>
                <a:prstDash val="solid"/>
                <a:miter/>
              </a:ln>
            </p:spPr>
            <p:txBody>
              <a:bodyPr rtlCol="0" anchor="ctr"/>
              <a:lstStyle/>
              <a:p>
                <a:endParaRPr lang="en-AU"/>
              </a:p>
            </p:txBody>
          </p:sp>
          <p:sp>
            <p:nvSpPr>
              <p:cNvPr id="65" name="Graphic 142">
                <a:extLst>
                  <a:ext uri="{FF2B5EF4-FFF2-40B4-BE49-F238E27FC236}">
                    <a16:creationId xmlns:a16="http://schemas.microsoft.com/office/drawing/2014/main" id="{AE2AE6E2-F4BB-F39A-C237-4C4A73469C7B}"/>
                  </a:ext>
                </a:extLst>
              </p:cNvPr>
              <p:cNvSpPr/>
              <p:nvPr/>
            </p:nvSpPr>
            <p:spPr>
              <a:xfrm>
                <a:off x="2904077" y="3589527"/>
                <a:ext cx="312134" cy="258699"/>
              </a:xfrm>
              <a:custGeom>
                <a:avLst/>
                <a:gdLst>
                  <a:gd name="connsiteX0" fmla="*/ 258985 w 312134"/>
                  <a:gd name="connsiteY0" fmla="*/ 258699 h 258699"/>
                  <a:gd name="connsiteX1" fmla="*/ 252413 w 312134"/>
                  <a:gd name="connsiteY1" fmla="*/ 255842 h 258699"/>
                  <a:gd name="connsiteX2" fmla="*/ 250031 w 312134"/>
                  <a:gd name="connsiteY2" fmla="*/ 249365 h 258699"/>
                  <a:gd name="connsiteX3" fmla="*/ 252889 w 312134"/>
                  <a:gd name="connsiteY3" fmla="*/ 243078 h 258699"/>
                  <a:gd name="connsiteX4" fmla="*/ 294227 w 312134"/>
                  <a:gd name="connsiteY4" fmla="*/ 149352 h 258699"/>
                  <a:gd name="connsiteX5" fmla="*/ 156115 w 312134"/>
                  <a:gd name="connsiteY5" fmla="*/ 18002 h 258699"/>
                  <a:gd name="connsiteX6" fmla="*/ 18002 w 312134"/>
                  <a:gd name="connsiteY6" fmla="*/ 149352 h 258699"/>
                  <a:gd name="connsiteX7" fmla="*/ 55531 w 312134"/>
                  <a:gd name="connsiteY7" fmla="*/ 239459 h 258699"/>
                  <a:gd name="connsiteX8" fmla="*/ 58103 w 312134"/>
                  <a:gd name="connsiteY8" fmla="*/ 245840 h 258699"/>
                  <a:gd name="connsiteX9" fmla="*/ 55436 w 312134"/>
                  <a:gd name="connsiteY9" fmla="*/ 252127 h 258699"/>
                  <a:gd name="connsiteX10" fmla="*/ 49149 w 312134"/>
                  <a:gd name="connsiteY10" fmla="*/ 254794 h 258699"/>
                  <a:gd name="connsiteX11" fmla="*/ 42767 w 312134"/>
                  <a:gd name="connsiteY11" fmla="*/ 252127 h 258699"/>
                  <a:gd name="connsiteX12" fmla="*/ 0 w 312134"/>
                  <a:gd name="connsiteY12" fmla="*/ 149352 h 258699"/>
                  <a:gd name="connsiteX13" fmla="*/ 156115 w 312134"/>
                  <a:gd name="connsiteY13" fmla="*/ 0 h 258699"/>
                  <a:gd name="connsiteX14" fmla="*/ 312134 w 312134"/>
                  <a:gd name="connsiteY14" fmla="*/ 149352 h 258699"/>
                  <a:gd name="connsiteX15" fmla="*/ 265176 w 312134"/>
                  <a:gd name="connsiteY15" fmla="*/ 256223 h 258699"/>
                  <a:gd name="connsiteX16" fmla="*/ 258985 w 312134"/>
                  <a:gd name="connsiteY16" fmla="*/ 258699 h 258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12134" h="258699">
                    <a:moveTo>
                      <a:pt x="258985" y="258699"/>
                    </a:moveTo>
                    <a:cubicBezTo>
                      <a:pt x="256508" y="258642"/>
                      <a:pt x="254146" y="257613"/>
                      <a:pt x="252413" y="255842"/>
                    </a:cubicBezTo>
                    <a:cubicBezTo>
                      <a:pt x="250841" y="254060"/>
                      <a:pt x="249984" y="251746"/>
                      <a:pt x="250031" y="249365"/>
                    </a:cubicBezTo>
                    <a:cubicBezTo>
                      <a:pt x="250165" y="246983"/>
                      <a:pt x="251184" y="244745"/>
                      <a:pt x="252889" y="243078"/>
                    </a:cubicBezTo>
                    <a:cubicBezTo>
                      <a:pt x="279206" y="219018"/>
                      <a:pt x="294208" y="185014"/>
                      <a:pt x="294227" y="149352"/>
                    </a:cubicBezTo>
                    <a:cubicBezTo>
                      <a:pt x="294227" y="76962"/>
                      <a:pt x="232219" y="18002"/>
                      <a:pt x="156115" y="18002"/>
                    </a:cubicBezTo>
                    <a:cubicBezTo>
                      <a:pt x="80010" y="18002"/>
                      <a:pt x="18002" y="76962"/>
                      <a:pt x="18002" y="149352"/>
                    </a:cubicBezTo>
                    <a:cubicBezTo>
                      <a:pt x="18088" y="183175"/>
                      <a:pt x="31585" y="215580"/>
                      <a:pt x="55531" y="239459"/>
                    </a:cubicBezTo>
                    <a:cubicBezTo>
                      <a:pt x="57150" y="241192"/>
                      <a:pt x="58074" y="243469"/>
                      <a:pt x="58103" y="245840"/>
                    </a:cubicBezTo>
                    <a:cubicBezTo>
                      <a:pt x="58112" y="248212"/>
                      <a:pt x="57150" y="250488"/>
                      <a:pt x="55436" y="252127"/>
                    </a:cubicBezTo>
                    <a:cubicBezTo>
                      <a:pt x="53788" y="253832"/>
                      <a:pt x="51521" y="254794"/>
                      <a:pt x="49149" y="254794"/>
                    </a:cubicBezTo>
                    <a:cubicBezTo>
                      <a:pt x="46739" y="254832"/>
                      <a:pt x="44434" y="253860"/>
                      <a:pt x="42767" y="252127"/>
                    </a:cubicBezTo>
                    <a:cubicBezTo>
                      <a:pt x="15449" y="224895"/>
                      <a:pt x="67" y="187928"/>
                      <a:pt x="0" y="149352"/>
                    </a:cubicBezTo>
                    <a:cubicBezTo>
                      <a:pt x="0" y="67056"/>
                      <a:pt x="70009" y="0"/>
                      <a:pt x="156115" y="0"/>
                    </a:cubicBezTo>
                    <a:cubicBezTo>
                      <a:pt x="242221" y="0"/>
                      <a:pt x="312134" y="66675"/>
                      <a:pt x="312134" y="149352"/>
                    </a:cubicBezTo>
                    <a:cubicBezTo>
                      <a:pt x="312125" y="189976"/>
                      <a:pt x="295094" y="228743"/>
                      <a:pt x="265176" y="256223"/>
                    </a:cubicBezTo>
                    <a:cubicBezTo>
                      <a:pt x="263509" y="257813"/>
                      <a:pt x="261290" y="258699"/>
                      <a:pt x="258985" y="258699"/>
                    </a:cubicBezTo>
                    <a:close/>
                  </a:path>
                </a:pathLst>
              </a:custGeom>
              <a:solidFill>
                <a:srgbClr val="265999"/>
              </a:solidFill>
              <a:ln w="9525" cap="flat">
                <a:noFill/>
                <a:prstDash val="solid"/>
                <a:miter/>
              </a:ln>
            </p:spPr>
            <p:txBody>
              <a:bodyPr rtlCol="0" anchor="ctr"/>
              <a:lstStyle/>
              <a:p>
                <a:endParaRPr lang="en-AU"/>
              </a:p>
            </p:txBody>
          </p:sp>
          <p:sp>
            <p:nvSpPr>
              <p:cNvPr id="66" name="Graphic 142">
                <a:extLst>
                  <a:ext uri="{FF2B5EF4-FFF2-40B4-BE49-F238E27FC236}">
                    <a16:creationId xmlns:a16="http://schemas.microsoft.com/office/drawing/2014/main" id="{F892F199-A674-8D39-FAAB-594DFA6A60C3}"/>
                  </a:ext>
                </a:extLst>
              </p:cNvPr>
              <p:cNvSpPr/>
              <p:nvPr/>
            </p:nvSpPr>
            <p:spPr>
              <a:xfrm>
                <a:off x="2997679" y="3696493"/>
                <a:ext cx="124845" cy="71437"/>
              </a:xfrm>
              <a:custGeom>
                <a:avLst/>
                <a:gdLst>
                  <a:gd name="connsiteX0" fmla="*/ 89183 w 124845"/>
                  <a:gd name="connsiteY0" fmla="*/ 71438 h 71437"/>
                  <a:gd name="connsiteX1" fmla="*/ 81182 w 124845"/>
                  <a:gd name="connsiteY1" fmla="*/ 66485 h 71437"/>
                  <a:gd name="connsiteX2" fmla="*/ 66418 w 124845"/>
                  <a:gd name="connsiteY2" fmla="*/ 36957 h 71437"/>
                  <a:gd name="connsiteX3" fmla="*/ 60579 w 124845"/>
                  <a:gd name="connsiteY3" fmla="*/ 34890 h 71437"/>
                  <a:gd name="connsiteX4" fmla="*/ 58512 w 124845"/>
                  <a:gd name="connsiteY4" fmla="*/ 36957 h 71437"/>
                  <a:gd name="connsiteX5" fmla="*/ 43749 w 124845"/>
                  <a:gd name="connsiteY5" fmla="*/ 66485 h 71437"/>
                  <a:gd name="connsiteX6" fmla="*/ 35748 w 124845"/>
                  <a:gd name="connsiteY6" fmla="*/ 70866 h 71437"/>
                  <a:gd name="connsiteX7" fmla="*/ 27651 w 124845"/>
                  <a:gd name="connsiteY7" fmla="*/ 66485 h 71437"/>
                  <a:gd name="connsiteX8" fmla="*/ 982 w 124845"/>
                  <a:gd name="connsiteY8" fmla="*/ 13049 h 71437"/>
                  <a:gd name="connsiteX9" fmla="*/ 4887 w 124845"/>
                  <a:gd name="connsiteY9" fmla="*/ 1000 h 71437"/>
                  <a:gd name="connsiteX10" fmla="*/ 4982 w 124845"/>
                  <a:gd name="connsiteY10" fmla="*/ 953 h 71437"/>
                  <a:gd name="connsiteX11" fmla="*/ 8982 w 124845"/>
                  <a:gd name="connsiteY11" fmla="*/ 0 h 71437"/>
                  <a:gd name="connsiteX12" fmla="*/ 16983 w 124845"/>
                  <a:gd name="connsiteY12" fmla="*/ 4953 h 71437"/>
                  <a:gd name="connsiteX13" fmla="*/ 31842 w 124845"/>
                  <a:gd name="connsiteY13" fmla="*/ 34576 h 71437"/>
                  <a:gd name="connsiteX14" fmla="*/ 35748 w 124845"/>
                  <a:gd name="connsiteY14" fmla="*/ 36957 h 71437"/>
                  <a:gd name="connsiteX15" fmla="*/ 39653 w 124845"/>
                  <a:gd name="connsiteY15" fmla="*/ 34576 h 71437"/>
                  <a:gd name="connsiteX16" fmla="*/ 54417 w 124845"/>
                  <a:gd name="connsiteY16" fmla="*/ 4953 h 71437"/>
                  <a:gd name="connsiteX17" fmla="*/ 67561 w 124845"/>
                  <a:gd name="connsiteY17" fmla="*/ 2000 h 71437"/>
                  <a:gd name="connsiteX18" fmla="*/ 70514 w 124845"/>
                  <a:gd name="connsiteY18" fmla="*/ 4953 h 71437"/>
                  <a:gd name="connsiteX19" fmla="*/ 85278 w 124845"/>
                  <a:gd name="connsiteY19" fmla="*/ 34576 h 71437"/>
                  <a:gd name="connsiteX20" fmla="*/ 91336 w 124845"/>
                  <a:gd name="connsiteY20" fmla="*/ 36424 h 71437"/>
                  <a:gd name="connsiteX21" fmla="*/ 93183 w 124845"/>
                  <a:gd name="connsiteY21" fmla="*/ 34576 h 71437"/>
                  <a:gd name="connsiteX22" fmla="*/ 107947 w 124845"/>
                  <a:gd name="connsiteY22" fmla="*/ 4953 h 71437"/>
                  <a:gd name="connsiteX23" fmla="*/ 115948 w 124845"/>
                  <a:gd name="connsiteY23" fmla="*/ 0 h 71437"/>
                  <a:gd name="connsiteX24" fmla="*/ 120044 w 124845"/>
                  <a:gd name="connsiteY24" fmla="*/ 953 h 71437"/>
                  <a:gd name="connsiteX25" fmla="*/ 124044 w 124845"/>
                  <a:gd name="connsiteY25" fmla="*/ 13049 h 71437"/>
                  <a:gd name="connsiteX26" fmla="*/ 97279 w 124845"/>
                  <a:gd name="connsiteY26" fmla="*/ 66485 h 71437"/>
                  <a:gd name="connsiteX27" fmla="*/ 89183 w 124845"/>
                  <a:gd name="connsiteY27" fmla="*/ 71438 h 71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24845" h="71437">
                    <a:moveTo>
                      <a:pt x="89183" y="71438"/>
                    </a:moveTo>
                    <a:cubicBezTo>
                      <a:pt x="85783" y="71457"/>
                      <a:pt x="82677" y="69533"/>
                      <a:pt x="81182" y="66485"/>
                    </a:cubicBezTo>
                    <a:lnTo>
                      <a:pt x="66418" y="36957"/>
                    </a:lnTo>
                    <a:cubicBezTo>
                      <a:pt x="65370" y="34776"/>
                      <a:pt x="62761" y="33852"/>
                      <a:pt x="60579" y="34890"/>
                    </a:cubicBezTo>
                    <a:cubicBezTo>
                      <a:pt x="59674" y="35329"/>
                      <a:pt x="58941" y="36052"/>
                      <a:pt x="58512" y="36957"/>
                    </a:cubicBezTo>
                    <a:lnTo>
                      <a:pt x="43749" y="66485"/>
                    </a:lnTo>
                    <a:cubicBezTo>
                      <a:pt x="42129" y="69342"/>
                      <a:pt x="39034" y="71038"/>
                      <a:pt x="35748" y="70866"/>
                    </a:cubicBezTo>
                    <a:cubicBezTo>
                      <a:pt x="32443" y="71028"/>
                      <a:pt x="29318" y="69342"/>
                      <a:pt x="27651" y="66485"/>
                    </a:cubicBezTo>
                    <a:lnTo>
                      <a:pt x="982" y="13049"/>
                    </a:lnTo>
                    <a:cubicBezTo>
                      <a:pt x="-1266" y="8649"/>
                      <a:pt x="477" y="3248"/>
                      <a:pt x="4887" y="1000"/>
                    </a:cubicBezTo>
                    <a:cubicBezTo>
                      <a:pt x="4915" y="991"/>
                      <a:pt x="4944" y="972"/>
                      <a:pt x="4982" y="953"/>
                    </a:cubicBezTo>
                    <a:cubicBezTo>
                      <a:pt x="6230" y="343"/>
                      <a:pt x="7592" y="19"/>
                      <a:pt x="8982" y="0"/>
                    </a:cubicBezTo>
                    <a:cubicBezTo>
                      <a:pt x="12383" y="-19"/>
                      <a:pt x="15488" y="1905"/>
                      <a:pt x="16983" y="4953"/>
                    </a:cubicBezTo>
                    <a:lnTo>
                      <a:pt x="31842" y="34576"/>
                    </a:lnTo>
                    <a:cubicBezTo>
                      <a:pt x="32576" y="36052"/>
                      <a:pt x="34100" y="36986"/>
                      <a:pt x="35748" y="36957"/>
                    </a:cubicBezTo>
                    <a:cubicBezTo>
                      <a:pt x="37386" y="36938"/>
                      <a:pt x="38881" y="36024"/>
                      <a:pt x="39653" y="34576"/>
                    </a:cubicBezTo>
                    <a:lnTo>
                      <a:pt x="54417" y="4953"/>
                    </a:lnTo>
                    <a:cubicBezTo>
                      <a:pt x="57227" y="505"/>
                      <a:pt x="63113" y="-819"/>
                      <a:pt x="67561" y="2000"/>
                    </a:cubicBezTo>
                    <a:cubicBezTo>
                      <a:pt x="68752" y="2753"/>
                      <a:pt x="69761" y="3762"/>
                      <a:pt x="70514" y="4953"/>
                    </a:cubicBezTo>
                    <a:lnTo>
                      <a:pt x="85278" y="34576"/>
                    </a:lnTo>
                    <a:cubicBezTo>
                      <a:pt x="86440" y="36757"/>
                      <a:pt x="89145" y="37586"/>
                      <a:pt x="91336" y="36424"/>
                    </a:cubicBezTo>
                    <a:cubicBezTo>
                      <a:pt x="92117" y="36005"/>
                      <a:pt x="92764" y="35367"/>
                      <a:pt x="93183" y="34576"/>
                    </a:cubicBezTo>
                    <a:lnTo>
                      <a:pt x="107947" y="4953"/>
                    </a:lnTo>
                    <a:cubicBezTo>
                      <a:pt x="109443" y="1905"/>
                      <a:pt x="112548" y="-19"/>
                      <a:pt x="115948" y="0"/>
                    </a:cubicBezTo>
                    <a:cubicBezTo>
                      <a:pt x="117367" y="29"/>
                      <a:pt x="118758" y="352"/>
                      <a:pt x="120044" y="953"/>
                    </a:cubicBezTo>
                    <a:cubicBezTo>
                      <a:pt x="124273" y="3372"/>
                      <a:pt x="125997" y="8592"/>
                      <a:pt x="124044" y="13049"/>
                    </a:cubicBezTo>
                    <a:lnTo>
                      <a:pt x="97279" y="66485"/>
                    </a:lnTo>
                    <a:cubicBezTo>
                      <a:pt x="95650" y="69456"/>
                      <a:pt x="92574" y="71342"/>
                      <a:pt x="89183" y="71438"/>
                    </a:cubicBezTo>
                    <a:close/>
                  </a:path>
                </a:pathLst>
              </a:custGeom>
              <a:solidFill>
                <a:srgbClr val="265999"/>
              </a:solidFill>
              <a:ln w="9525" cap="flat">
                <a:noFill/>
                <a:prstDash val="solid"/>
                <a:miter/>
              </a:ln>
            </p:spPr>
            <p:txBody>
              <a:bodyPr rtlCol="0" anchor="ctr"/>
              <a:lstStyle/>
              <a:p>
                <a:endParaRPr lang="en-AU"/>
              </a:p>
            </p:txBody>
          </p:sp>
          <p:sp>
            <p:nvSpPr>
              <p:cNvPr id="67" name="Graphic 142">
                <a:extLst>
                  <a:ext uri="{FF2B5EF4-FFF2-40B4-BE49-F238E27FC236}">
                    <a16:creationId xmlns:a16="http://schemas.microsoft.com/office/drawing/2014/main" id="{B239E4F0-44CB-880C-AE29-F7A1D5DE75CF}"/>
                  </a:ext>
                </a:extLst>
              </p:cNvPr>
              <p:cNvSpPr/>
              <p:nvPr/>
            </p:nvSpPr>
            <p:spPr>
              <a:xfrm>
                <a:off x="2983961" y="3802534"/>
                <a:ext cx="152365" cy="206093"/>
              </a:xfrm>
              <a:custGeom>
                <a:avLst/>
                <a:gdLst>
                  <a:gd name="connsiteX0" fmla="*/ 76230 w 152365"/>
                  <a:gd name="connsiteY0" fmla="*/ 206093 h 206093"/>
                  <a:gd name="connsiteX1" fmla="*/ 40512 w 152365"/>
                  <a:gd name="connsiteY1" fmla="*/ 170375 h 206093"/>
                  <a:gd name="connsiteX2" fmla="*/ 36035 w 152365"/>
                  <a:gd name="connsiteY2" fmla="*/ 165993 h 206093"/>
                  <a:gd name="connsiteX3" fmla="*/ 29367 w 152365"/>
                  <a:gd name="connsiteY3" fmla="*/ 165993 h 206093"/>
                  <a:gd name="connsiteX4" fmla="*/ 11 w 152365"/>
                  <a:gd name="connsiteY4" fmla="*/ 138219 h 206093"/>
                  <a:gd name="connsiteX5" fmla="*/ 6317 w 152365"/>
                  <a:gd name="connsiteY5" fmla="*/ 119511 h 206093"/>
                  <a:gd name="connsiteX6" fmla="*/ 6317 w 152365"/>
                  <a:gd name="connsiteY6" fmla="*/ 114273 h 206093"/>
                  <a:gd name="connsiteX7" fmla="*/ 316 w 152365"/>
                  <a:gd name="connsiteY7" fmla="*/ 96842 h 206093"/>
                  <a:gd name="connsiteX8" fmla="*/ 29367 w 152365"/>
                  <a:gd name="connsiteY8" fmla="*/ 67791 h 206093"/>
                  <a:gd name="connsiteX9" fmla="*/ 36035 w 152365"/>
                  <a:gd name="connsiteY9" fmla="*/ 67791 h 206093"/>
                  <a:gd name="connsiteX10" fmla="*/ 40512 w 152365"/>
                  <a:gd name="connsiteY10" fmla="*/ 63504 h 206093"/>
                  <a:gd name="connsiteX11" fmla="*/ 40512 w 152365"/>
                  <a:gd name="connsiteY11" fmla="*/ 63409 h 206093"/>
                  <a:gd name="connsiteX12" fmla="*/ 40512 w 152365"/>
                  <a:gd name="connsiteY12" fmla="*/ 9974 h 206093"/>
                  <a:gd name="connsiteX13" fmla="*/ 49465 w 152365"/>
                  <a:gd name="connsiteY13" fmla="*/ 1020 h 206093"/>
                  <a:gd name="connsiteX14" fmla="*/ 58419 w 152365"/>
                  <a:gd name="connsiteY14" fmla="*/ 9974 h 206093"/>
                  <a:gd name="connsiteX15" fmla="*/ 58419 w 152365"/>
                  <a:gd name="connsiteY15" fmla="*/ 63409 h 206093"/>
                  <a:gd name="connsiteX16" fmla="*/ 62800 w 152365"/>
                  <a:gd name="connsiteY16" fmla="*/ 67791 h 206093"/>
                  <a:gd name="connsiteX17" fmla="*/ 89565 w 152365"/>
                  <a:gd name="connsiteY17" fmla="*/ 67791 h 206093"/>
                  <a:gd name="connsiteX18" fmla="*/ 93947 w 152365"/>
                  <a:gd name="connsiteY18" fmla="*/ 63409 h 206093"/>
                  <a:gd name="connsiteX19" fmla="*/ 93947 w 152365"/>
                  <a:gd name="connsiteY19" fmla="*/ 9974 h 206093"/>
                  <a:gd name="connsiteX20" fmla="*/ 102024 w 152365"/>
                  <a:gd name="connsiteY20" fmla="*/ 49 h 206093"/>
                  <a:gd name="connsiteX21" fmla="*/ 111949 w 152365"/>
                  <a:gd name="connsiteY21" fmla="*/ 8116 h 206093"/>
                  <a:gd name="connsiteX22" fmla="*/ 111949 w 152365"/>
                  <a:gd name="connsiteY22" fmla="*/ 9974 h 206093"/>
                  <a:gd name="connsiteX23" fmla="*/ 111949 w 152365"/>
                  <a:gd name="connsiteY23" fmla="*/ 63409 h 206093"/>
                  <a:gd name="connsiteX24" fmla="*/ 116140 w 152365"/>
                  <a:gd name="connsiteY24" fmla="*/ 67791 h 206093"/>
                  <a:gd name="connsiteX25" fmla="*/ 116331 w 152365"/>
                  <a:gd name="connsiteY25" fmla="*/ 67791 h 206093"/>
                  <a:gd name="connsiteX26" fmla="*/ 122998 w 152365"/>
                  <a:gd name="connsiteY26" fmla="*/ 67791 h 206093"/>
                  <a:gd name="connsiteX27" fmla="*/ 152049 w 152365"/>
                  <a:gd name="connsiteY27" fmla="*/ 96842 h 206093"/>
                  <a:gd name="connsiteX28" fmla="*/ 146048 w 152365"/>
                  <a:gd name="connsiteY28" fmla="*/ 114273 h 206093"/>
                  <a:gd name="connsiteX29" fmla="*/ 146048 w 152365"/>
                  <a:gd name="connsiteY29" fmla="*/ 119511 h 206093"/>
                  <a:gd name="connsiteX30" fmla="*/ 141705 w 152365"/>
                  <a:gd name="connsiteY30" fmla="*/ 159688 h 206093"/>
                  <a:gd name="connsiteX31" fmla="*/ 122998 w 152365"/>
                  <a:gd name="connsiteY31" fmla="*/ 165993 h 206093"/>
                  <a:gd name="connsiteX32" fmla="*/ 116331 w 152365"/>
                  <a:gd name="connsiteY32" fmla="*/ 165993 h 206093"/>
                  <a:gd name="connsiteX33" fmla="*/ 111949 w 152365"/>
                  <a:gd name="connsiteY33" fmla="*/ 170375 h 206093"/>
                  <a:gd name="connsiteX34" fmla="*/ 76230 w 152365"/>
                  <a:gd name="connsiteY34" fmla="*/ 206093 h 206093"/>
                  <a:gd name="connsiteX35" fmla="*/ 62800 w 152365"/>
                  <a:gd name="connsiteY35" fmla="*/ 165993 h 206093"/>
                  <a:gd name="connsiteX36" fmla="*/ 58419 w 152365"/>
                  <a:gd name="connsiteY36" fmla="*/ 170375 h 206093"/>
                  <a:gd name="connsiteX37" fmla="*/ 74878 w 152365"/>
                  <a:gd name="connsiteY37" fmla="*/ 189444 h 206093"/>
                  <a:gd name="connsiteX38" fmla="*/ 93947 w 152365"/>
                  <a:gd name="connsiteY38" fmla="*/ 172975 h 206093"/>
                  <a:gd name="connsiteX39" fmla="*/ 93947 w 152365"/>
                  <a:gd name="connsiteY39" fmla="*/ 170375 h 206093"/>
                  <a:gd name="connsiteX40" fmla="*/ 89565 w 152365"/>
                  <a:gd name="connsiteY40" fmla="*/ 165993 h 206093"/>
                  <a:gd name="connsiteX41" fmla="*/ 29367 w 152365"/>
                  <a:gd name="connsiteY41" fmla="*/ 125893 h 206093"/>
                  <a:gd name="connsiteX42" fmla="*/ 18318 w 152365"/>
                  <a:gd name="connsiteY42" fmla="*/ 136942 h 206093"/>
                  <a:gd name="connsiteX43" fmla="*/ 29367 w 152365"/>
                  <a:gd name="connsiteY43" fmla="*/ 147991 h 206093"/>
                  <a:gd name="connsiteX44" fmla="*/ 122998 w 152365"/>
                  <a:gd name="connsiteY44" fmla="*/ 147991 h 206093"/>
                  <a:gd name="connsiteX45" fmla="*/ 134047 w 152365"/>
                  <a:gd name="connsiteY45" fmla="*/ 136942 h 206093"/>
                  <a:gd name="connsiteX46" fmla="*/ 122998 w 152365"/>
                  <a:gd name="connsiteY46" fmla="*/ 125893 h 206093"/>
                  <a:gd name="connsiteX47" fmla="*/ 29367 w 152365"/>
                  <a:gd name="connsiteY47" fmla="*/ 85793 h 206093"/>
                  <a:gd name="connsiteX48" fmla="*/ 18318 w 152365"/>
                  <a:gd name="connsiteY48" fmla="*/ 96842 h 206093"/>
                  <a:gd name="connsiteX49" fmla="*/ 29367 w 152365"/>
                  <a:gd name="connsiteY49" fmla="*/ 107891 h 206093"/>
                  <a:gd name="connsiteX50" fmla="*/ 122998 w 152365"/>
                  <a:gd name="connsiteY50" fmla="*/ 107891 h 206093"/>
                  <a:gd name="connsiteX51" fmla="*/ 134047 w 152365"/>
                  <a:gd name="connsiteY51" fmla="*/ 96842 h 206093"/>
                  <a:gd name="connsiteX52" fmla="*/ 122998 w 152365"/>
                  <a:gd name="connsiteY52" fmla="*/ 85793 h 2060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52365" h="206093">
                    <a:moveTo>
                      <a:pt x="76230" y="206093"/>
                    </a:moveTo>
                    <a:cubicBezTo>
                      <a:pt x="56504" y="206093"/>
                      <a:pt x="40512" y="190101"/>
                      <a:pt x="40512" y="170375"/>
                    </a:cubicBezTo>
                    <a:cubicBezTo>
                      <a:pt x="40464" y="167937"/>
                      <a:pt x="38473" y="165993"/>
                      <a:pt x="36035" y="165993"/>
                    </a:cubicBezTo>
                    <a:lnTo>
                      <a:pt x="29367" y="165993"/>
                    </a:lnTo>
                    <a:cubicBezTo>
                      <a:pt x="13594" y="166431"/>
                      <a:pt x="449" y="153992"/>
                      <a:pt x="11" y="138219"/>
                    </a:cubicBezTo>
                    <a:cubicBezTo>
                      <a:pt x="-179" y="131437"/>
                      <a:pt x="2059" y="124798"/>
                      <a:pt x="6317" y="119511"/>
                    </a:cubicBezTo>
                    <a:cubicBezTo>
                      <a:pt x="7441" y="117949"/>
                      <a:pt x="7441" y="115835"/>
                      <a:pt x="6317" y="114273"/>
                    </a:cubicBezTo>
                    <a:cubicBezTo>
                      <a:pt x="2450" y="109281"/>
                      <a:pt x="335" y="103157"/>
                      <a:pt x="316" y="96842"/>
                    </a:cubicBezTo>
                    <a:cubicBezTo>
                      <a:pt x="364" y="80821"/>
                      <a:pt x="13346" y="67838"/>
                      <a:pt x="29367" y="67791"/>
                    </a:cubicBezTo>
                    <a:lnTo>
                      <a:pt x="36035" y="67791"/>
                    </a:lnTo>
                    <a:cubicBezTo>
                      <a:pt x="38454" y="67848"/>
                      <a:pt x="40454" y="65924"/>
                      <a:pt x="40512" y="63504"/>
                    </a:cubicBezTo>
                    <a:cubicBezTo>
                      <a:pt x="40512" y="63476"/>
                      <a:pt x="40512" y="63438"/>
                      <a:pt x="40512" y="63409"/>
                    </a:cubicBezTo>
                    <a:lnTo>
                      <a:pt x="40512" y="9974"/>
                    </a:lnTo>
                    <a:cubicBezTo>
                      <a:pt x="40512" y="5030"/>
                      <a:pt x="44522" y="1020"/>
                      <a:pt x="49465" y="1020"/>
                    </a:cubicBezTo>
                    <a:cubicBezTo>
                      <a:pt x="54408" y="1020"/>
                      <a:pt x="58419" y="5030"/>
                      <a:pt x="58419" y="9974"/>
                    </a:cubicBezTo>
                    <a:lnTo>
                      <a:pt x="58419" y="63409"/>
                    </a:lnTo>
                    <a:cubicBezTo>
                      <a:pt x="58419" y="65828"/>
                      <a:pt x="60381" y="67791"/>
                      <a:pt x="62800" y="67791"/>
                    </a:cubicBezTo>
                    <a:lnTo>
                      <a:pt x="89565" y="67791"/>
                    </a:lnTo>
                    <a:cubicBezTo>
                      <a:pt x="91985" y="67791"/>
                      <a:pt x="93947" y="65828"/>
                      <a:pt x="93947" y="63409"/>
                    </a:cubicBezTo>
                    <a:lnTo>
                      <a:pt x="93947" y="9974"/>
                    </a:lnTo>
                    <a:cubicBezTo>
                      <a:pt x="93432" y="5002"/>
                      <a:pt x="97052" y="554"/>
                      <a:pt x="102024" y="49"/>
                    </a:cubicBezTo>
                    <a:cubicBezTo>
                      <a:pt x="106996" y="-465"/>
                      <a:pt x="111435" y="3145"/>
                      <a:pt x="111949" y="8116"/>
                    </a:cubicBezTo>
                    <a:cubicBezTo>
                      <a:pt x="112016" y="8735"/>
                      <a:pt x="112016" y="9355"/>
                      <a:pt x="111949" y="9974"/>
                    </a:cubicBezTo>
                    <a:lnTo>
                      <a:pt x="111949" y="63409"/>
                    </a:lnTo>
                    <a:cubicBezTo>
                      <a:pt x="111892" y="65771"/>
                      <a:pt x="113768" y="67733"/>
                      <a:pt x="116140" y="67791"/>
                    </a:cubicBezTo>
                    <a:cubicBezTo>
                      <a:pt x="116207" y="67791"/>
                      <a:pt x="116264" y="67791"/>
                      <a:pt x="116331" y="67791"/>
                    </a:cubicBezTo>
                    <a:lnTo>
                      <a:pt x="122998" y="67791"/>
                    </a:lnTo>
                    <a:cubicBezTo>
                      <a:pt x="139019" y="67838"/>
                      <a:pt x="152002" y="80821"/>
                      <a:pt x="152049" y="96842"/>
                    </a:cubicBezTo>
                    <a:cubicBezTo>
                      <a:pt x="152030" y="103157"/>
                      <a:pt x="149916" y="109281"/>
                      <a:pt x="146048" y="114273"/>
                    </a:cubicBezTo>
                    <a:cubicBezTo>
                      <a:pt x="144925" y="115835"/>
                      <a:pt x="144925" y="117949"/>
                      <a:pt x="146048" y="119511"/>
                    </a:cubicBezTo>
                    <a:cubicBezTo>
                      <a:pt x="155945" y="131808"/>
                      <a:pt x="154002" y="149791"/>
                      <a:pt x="141705" y="159688"/>
                    </a:cubicBezTo>
                    <a:cubicBezTo>
                      <a:pt x="136419" y="163945"/>
                      <a:pt x="129789" y="166184"/>
                      <a:pt x="122998" y="165993"/>
                    </a:cubicBezTo>
                    <a:lnTo>
                      <a:pt x="116331" y="165993"/>
                    </a:lnTo>
                    <a:cubicBezTo>
                      <a:pt x="113911" y="165993"/>
                      <a:pt x="111949" y="167955"/>
                      <a:pt x="111949" y="170375"/>
                    </a:cubicBezTo>
                    <a:cubicBezTo>
                      <a:pt x="111901" y="190082"/>
                      <a:pt x="95938" y="206037"/>
                      <a:pt x="76230" y="206093"/>
                    </a:cubicBezTo>
                    <a:close/>
                    <a:moveTo>
                      <a:pt x="62800" y="165993"/>
                    </a:moveTo>
                    <a:cubicBezTo>
                      <a:pt x="60400" y="166041"/>
                      <a:pt x="58466" y="167975"/>
                      <a:pt x="58419" y="170375"/>
                    </a:cubicBezTo>
                    <a:cubicBezTo>
                      <a:pt x="57704" y="180185"/>
                      <a:pt x="65067" y="188720"/>
                      <a:pt x="74878" y="189444"/>
                    </a:cubicBezTo>
                    <a:cubicBezTo>
                      <a:pt x="84688" y="190158"/>
                      <a:pt x="93232" y="182786"/>
                      <a:pt x="93947" y="172975"/>
                    </a:cubicBezTo>
                    <a:cubicBezTo>
                      <a:pt x="94013" y="172108"/>
                      <a:pt x="94013" y="171242"/>
                      <a:pt x="93947" y="170375"/>
                    </a:cubicBezTo>
                    <a:cubicBezTo>
                      <a:pt x="93899" y="167975"/>
                      <a:pt x="91966" y="166041"/>
                      <a:pt x="89565" y="165993"/>
                    </a:cubicBezTo>
                    <a:close/>
                    <a:moveTo>
                      <a:pt x="29367" y="125893"/>
                    </a:moveTo>
                    <a:cubicBezTo>
                      <a:pt x="23262" y="125893"/>
                      <a:pt x="18318" y="130836"/>
                      <a:pt x="18318" y="136942"/>
                    </a:cubicBezTo>
                    <a:cubicBezTo>
                      <a:pt x="18318" y="143048"/>
                      <a:pt x="23262" y="147991"/>
                      <a:pt x="29367" y="147991"/>
                    </a:cubicBezTo>
                    <a:lnTo>
                      <a:pt x="122998" y="147991"/>
                    </a:lnTo>
                    <a:cubicBezTo>
                      <a:pt x="129104" y="147991"/>
                      <a:pt x="134047" y="143048"/>
                      <a:pt x="134047" y="136942"/>
                    </a:cubicBezTo>
                    <a:cubicBezTo>
                      <a:pt x="134047" y="130836"/>
                      <a:pt x="129104" y="125893"/>
                      <a:pt x="122998" y="125893"/>
                    </a:cubicBezTo>
                    <a:close/>
                    <a:moveTo>
                      <a:pt x="29367" y="85793"/>
                    </a:moveTo>
                    <a:cubicBezTo>
                      <a:pt x="23262" y="85793"/>
                      <a:pt x="18318" y="90736"/>
                      <a:pt x="18318" y="96842"/>
                    </a:cubicBezTo>
                    <a:cubicBezTo>
                      <a:pt x="18318" y="102947"/>
                      <a:pt x="23262" y="107891"/>
                      <a:pt x="29367" y="107891"/>
                    </a:cubicBezTo>
                    <a:lnTo>
                      <a:pt x="122998" y="107891"/>
                    </a:lnTo>
                    <a:cubicBezTo>
                      <a:pt x="129104" y="107891"/>
                      <a:pt x="134047" y="102947"/>
                      <a:pt x="134047" y="96842"/>
                    </a:cubicBezTo>
                    <a:cubicBezTo>
                      <a:pt x="134047" y="90736"/>
                      <a:pt x="129104" y="85793"/>
                      <a:pt x="122998" y="85793"/>
                    </a:cubicBezTo>
                    <a:close/>
                  </a:path>
                </a:pathLst>
              </a:custGeom>
              <a:solidFill>
                <a:srgbClr val="265999"/>
              </a:solidFill>
              <a:ln w="9525" cap="flat">
                <a:noFill/>
                <a:prstDash val="solid"/>
                <a:miter/>
              </a:ln>
            </p:spPr>
            <p:txBody>
              <a:bodyPr rtlCol="0" anchor="ctr"/>
              <a:lstStyle/>
              <a:p>
                <a:endParaRPr lang="en-AU"/>
              </a:p>
            </p:txBody>
          </p:sp>
          <p:sp>
            <p:nvSpPr>
              <p:cNvPr id="68" name="Graphic 142">
                <a:extLst>
                  <a:ext uri="{FF2B5EF4-FFF2-40B4-BE49-F238E27FC236}">
                    <a16:creationId xmlns:a16="http://schemas.microsoft.com/office/drawing/2014/main" id="{5B178EDA-F496-4D68-5A32-AEF4472C936F}"/>
                  </a:ext>
                </a:extLst>
              </p:cNvPr>
              <p:cNvSpPr/>
              <p:nvPr/>
            </p:nvSpPr>
            <p:spPr>
              <a:xfrm>
                <a:off x="3215572" y="3599054"/>
                <a:ext cx="44604" cy="44765"/>
              </a:xfrm>
              <a:custGeom>
                <a:avLst/>
                <a:gdLst>
                  <a:gd name="connsiteX0" fmla="*/ 8926 w 44604"/>
                  <a:gd name="connsiteY0" fmla="*/ 44766 h 44765"/>
                  <a:gd name="connsiteX1" fmla="*/ 1 w 44604"/>
                  <a:gd name="connsiteY1" fmla="*/ 35593 h 44765"/>
                  <a:gd name="connsiteX2" fmla="*/ 2544 w 44604"/>
                  <a:gd name="connsiteY2" fmla="*/ 29430 h 44765"/>
                  <a:gd name="connsiteX3" fmla="*/ 29309 w 44604"/>
                  <a:gd name="connsiteY3" fmla="*/ 2665 h 44765"/>
                  <a:gd name="connsiteX4" fmla="*/ 41835 w 44604"/>
                  <a:gd name="connsiteY4" fmla="*/ 2522 h 44765"/>
                  <a:gd name="connsiteX5" fmla="*/ 41978 w 44604"/>
                  <a:gd name="connsiteY5" fmla="*/ 2665 h 44765"/>
                  <a:gd name="connsiteX6" fmla="*/ 41987 w 44604"/>
                  <a:gd name="connsiteY6" fmla="*/ 15324 h 44765"/>
                  <a:gd name="connsiteX7" fmla="*/ 41978 w 44604"/>
                  <a:gd name="connsiteY7" fmla="*/ 15333 h 44765"/>
                  <a:gd name="connsiteX8" fmla="*/ 15212 w 44604"/>
                  <a:gd name="connsiteY8" fmla="*/ 42099 h 44765"/>
                  <a:gd name="connsiteX9" fmla="*/ 8926 w 44604"/>
                  <a:gd name="connsiteY9" fmla="*/ 44766 h 447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4604" h="44765">
                    <a:moveTo>
                      <a:pt x="8926" y="44766"/>
                    </a:moveTo>
                    <a:cubicBezTo>
                      <a:pt x="3925" y="44699"/>
                      <a:pt x="-66" y="40584"/>
                      <a:pt x="1" y="35593"/>
                    </a:cubicBezTo>
                    <a:cubicBezTo>
                      <a:pt x="39" y="33288"/>
                      <a:pt x="944" y="31088"/>
                      <a:pt x="2544" y="29430"/>
                    </a:cubicBezTo>
                    <a:lnTo>
                      <a:pt x="29309" y="2665"/>
                    </a:lnTo>
                    <a:cubicBezTo>
                      <a:pt x="32729" y="-830"/>
                      <a:pt x="38339" y="-897"/>
                      <a:pt x="41835" y="2522"/>
                    </a:cubicBezTo>
                    <a:cubicBezTo>
                      <a:pt x="41882" y="2570"/>
                      <a:pt x="41930" y="2618"/>
                      <a:pt x="41978" y="2665"/>
                    </a:cubicBezTo>
                    <a:cubicBezTo>
                      <a:pt x="45473" y="6161"/>
                      <a:pt x="45483" y="11828"/>
                      <a:pt x="41987" y="15324"/>
                    </a:cubicBezTo>
                    <a:cubicBezTo>
                      <a:pt x="41978" y="15333"/>
                      <a:pt x="41978" y="15333"/>
                      <a:pt x="41978" y="15333"/>
                    </a:cubicBezTo>
                    <a:lnTo>
                      <a:pt x="15212" y="42099"/>
                    </a:lnTo>
                    <a:cubicBezTo>
                      <a:pt x="13565" y="43804"/>
                      <a:pt x="11298" y="44766"/>
                      <a:pt x="8926" y="44766"/>
                    </a:cubicBezTo>
                    <a:close/>
                  </a:path>
                </a:pathLst>
              </a:custGeom>
              <a:solidFill>
                <a:srgbClr val="265999"/>
              </a:solidFill>
              <a:ln w="9525" cap="flat">
                <a:noFill/>
                <a:prstDash val="solid"/>
                <a:miter/>
              </a:ln>
            </p:spPr>
            <p:txBody>
              <a:bodyPr rtlCol="0" anchor="ctr"/>
              <a:lstStyle/>
              <a:p>
                <a:endParaRPr lang="en-AU"/>
              </a:p>
            </p:txBody>
          </p:sp>
          <p:sp>
            <p:nvSpPr>
              <p:cNvPr id="70" name="Graphic 142">
                <a:extLst>
                  <a:ext uri="{FF2B5EF4-FFF2-40B4-BE49-F238E27FC236}">
                    <a16:creationId xmlns:a16="http://schemas.microsoft.com/office/drawing/2014/main" id="{EDCA335C-AAC9-EF8D-0F32-9F2B97A7F01D}"/>
                  </a:ext>
                </a:extLst>
              </p:cNvPr>
              <p:cNvSpPr/>
              <p:nvPr/>
            </p:nvSpPr>
            <p:spPr>
              <a:xfrm>
                <a:off x="2859826" y="3599045"/>
                <a:ext cx="44686" cy="44775"/>
              </a:xfrm>
              <a:custGeom>
                <a:avLst/>
                <a:gdLst>
                  <a:gd name="connsiteX0" fmla="*/ 35774 w 44686"/>
                  <a:gd name="connsiteY0" fmla="*/ 44775 h 44775"/>
                  <a:gd name="connsiteX1" fmla="*/ 29392 w 44686"/>
                  <a:gd name="connsiteY1" fmla="*/ 42108 h 44775"/>
                  <a:gd name="connsiteX2" fmla="*/ 2627 w 44686"/>
                  <a:gd name="connsiteY2" fmla="*/ 15343 h 44775"/>
                  <a:gd name="connsiteX3" fmla="*/ 2617 w 44686"/>
                  <a:gd name="connsiteY3" fmla="*/ 2684 h 44775"/>
                  <a:gd name="connsiteX4" fmla="*/ 2627 w 44686"/>
                  <a:gd name="connsiteY4" fmla="*/ 2674 h 44775"/>
                  <a:gd name="connsiteX5" fmla="*/ 15285 w 44686"/>
                  <a:gd name="connsiteY5" fmla="*/ 2570 h 44775"/>
                  <a:gd name="connsiteX6" fmla="*/ 15390 w 44686"/>
                  <a:gd name="connsiteY6" fmla="*/ 2674 h 44775"/>
                  <a:gd name="connsiteX7" fmla="*/ 42060 w 44686"/>
                  <a:gd name="connsiteY7" fmla="*/ 29440 h 44775"/>
                  <a:gd name="connsiteX8" fmla="*/ 42070 w 44686"/>
                  <a:gd name="connsiteY8" fmla="*/ 42098 h 44775"/>
                  <a:gd name="connsiteX9" fmla="*/ 42060 w 44686"/>
                  <a:gd name="connsiteY9" fmla="*/ 42108 h 44775"/>
                  <a:gd name="connsiteX10" fmla="*/ 35774 w 44686"/>
                  <a:gd name="connsiteY10" fmla="*/ 44775 h 44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4686" h="44775">
                    <a:moveTo>
                      <a:pt x="35774" y="44775"/>
                    </a:moveTo>
                    <a:cubicBezTo>
                      <a:pt x="33373" y="44785"/>
                      <a:pt x="31068" y="43822"/>
                      <a:pt x="29392" y="42108"/>
                    </a:cubicBezTo>
                    <a:lnTo>
                      <a:pt x="2627" y="15343"/>
                    </a:lnTo>
                    <a:cubicBezTo>
                      <a:pt x="-869" y="11847"/>
                      <a:pt x="-879" y="6180"/>
                      <a:pt x="2617" y="2684"/>
                    </a:cubicBezTo>
                    <a:cubicBezTo>
                      <a:pt x="2627" y="2674"/>
                      <a:pt x="2627" y="2674"/>
                      <a:pt x="2627" y="2674"/>
                    </a:cubicBezTo>
                    <a:cubicBezTo>
                      <a:pt x="6094" y="-850"/>
                      <a:pt x="11761" y="-897"/>
                      <a:pt x="15285" y="2570"/>
                    </a:cubicBezTo>
                    <a:cubicBezTo>
                      <a:pt x="15323" y="2608"/>
                      <a:pt x="15352" y="2636"/>
                      <a:pt x="15390" y="2674"/>
                    </a:cubicBezTo>
                    <a:lnTo>
                      <a:pt x="42060" y="29440"/>
                    </a:lnTo>
                    <a:cubicBezTo>
                      <a:pt x="45556" y="32935"/>
                      <a:pt x="45565" y="38603"/>
                      <a:pt x="42070" y="42098"/>
                    </a:cubicBezTo>
                    <a:cubicBezTo>
                      <a:pt x="42060" y="42108"/>
                      <a:pt x="42060" y="42108"/>
                      <a:pt x="42060" y="42108"/>
                    </a:cubicBezTo>
                    <a:cubicBezTo>
                      <a:pt x="40412" y="43813"/>
                      <a:pt x="38145" y="44775"/>
                      <a:pt x="35774" y="44775"/>
                    </a:cubicBezTo>
                    <a:close/>
                  </a:path>
                </a:pathLst>
              </a:custGeom>
              <a:solidFill>
                <a:srgbClr val="265999"/>
              </a:solidFill>
              <a:ln w="9525" cap="flat">
                <a:noFill/>
                <a:prstDash val="solid"/>
                <a:miter/>
              </a:ln>
            </p:spPr>
            <p:txBody>
              <a:bodyPr rtlCol="0" anchor="ctr"/>
              <a:lstStyle/>
              <a:p>
                <a:endParaRPr lang="en-AU"/>
              </a:p>
            </p:txBody>
          </p:sp>
          <p:sp>
            <p:nvSpPr>
              <p:cNvPr id="71" name="Graphic 142">
                <a:extLst>
                  <a:ext uri="{FF2B5EF4-FFF2-40B4-BE49-F238E27FC236}">
                    <a16:creationId xmlns:a16="http://schemas.microsoft.com/office/drawing/2014/main" id="{A5CE5F30-87D2-C8E8-999A-0F8246263FA8}"/>
                  </a:ext>
                </a:extLst>
              </p:cNvPr>
              <p:cNvSpPr/>
              <p:nvPr/>
            </p:nvSpPr>
            <p:spPr>
              <a:xfrm>
                <a:off x="2860112" y="3834079"/>
                <a:ext cx="44681" cy="44722"/>
              </a:xfrm>
              <a:custGeom>
                <a:avLst/>
                <a:gdLst>
                  <a:gd name="connsiteX0" fmla="*/ 9008 w 44681"/>
                  <a:gd name="connsiteY0" fmla="*/ 44722 h 44722"/>
                  <a:gd name="connsiteX1" fmla="*/ 2627 w 44681"/>
                  <a:gd name="connsiteY1" fmla="*/ 42055 h 44722"/>
                  <a:gd name="connsiteX2" fmla="*/ 2617 w 44681"/>
                  <a:gd name="connsiteY2" fmla="*/ 29397 h 44722"/>
                  <a:gd name="connsiteX3" fmla="*/ 2627 w 44681"/>
                  <a:gd name="connsiteY3" fmla="*/ 29387 h 44722"/>
                  <a:gd name="connsiteX4" fmla="*/ 29392 w 44681"/>
                  <a:gd name="connsiteY4" fmla="*/ 2622 h 44722"/>
                  <a:gd name="connsiteX5" fmla="*/ 42060 w 44681"/>
                  <a:gd name="connsiteY5" fmla="*/ 2622 h 44722"/>
                  <a:gd name="connsiteX6" fmla="*/ 42060 w 44681"/>
                  <a:gd name="connsiteY6" fmla="*/ 15290 h 44722"/>
                  <a:gd name="connsiteX7" fmla="*/ 15390 w 44681"/>
                  <a:gd name="connsiteY7" fmla="*/ 42055 h 44722"/>
                  <a:gd name="connsiteX8" fmla="*/ 9008 w 44681"/>
                  <a:gd name="connsiteY8" fmla="*/ 44722 h 44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681" h="44722">
                    <a:moveTo>
                      <a:pt x="9008" y="44722"/>
                    </a:moveTo>
                    <a:cubicBezTo>
                      <a:pt x="6617" y="44665"/>
                      <a:pt x="4341" y="43713"/>
                      <a:pt x="2627" y="42055"/>
                    </a:cubicBezTo>
                    <a:cubicBezTo>
                      <a:pt x="-869" y="38560"/>
                      <a:pt x="-879" y="32892"/>
                      <a:pt x="2617" y="29397"/>
                    </a:cubicBezTo>
                    <a:cubicBezTo>
                      <a:pt x="2627" y="29387"/>
                      <a:pt x="2627" y="29387"/>
                      <a:pt x="2627" y="29387"/>
                    </a:cubicBezTo>
                    <a:lnTo>
                      <a:pt x="29392" y="2622"/>
                    </a:lnTo>
                    <a:cubicBezTo>
                      <a:pt x="32887" y="-874"/>
                      <a:pt x="38564" y="-874"/>
                      <a:pt x="42060" y="2622"/>
                    </a:cubicBezTo>
                    <a:cubicBezTo>
                      <a:pt x="45556" y="6118"/>
                      <a:pt x="45556" y="11794"/>
                      <a:pt x="42060" y="15290"/>
                    </a:cubicBezTo>
                    <a:lnTo>
                      <a:pt x="15390" y="42055"/>
                    </a:lnTo>
                    <a:cubicBezTo>
                      <a:pt x="13676" y="43713"/>
                      <a:pt x="11399" y="44665"/>
                      <a:pt x="9008" y="44722"/>
                    </a:cubicBezTo>
                    <a:close/>
                  </a:path>
                </a:pathLst>
              </a:custGeom>
              <a:solidFill>
                <a:srgbClr val="265999"/>
              </a:solidFill>
              <a:ln w="9525" cap="flat">
                <a:noFill/>
                <a:prstDash val="solid"/>
                <a:miter/>
              </a:ln>
            </p:spPr>
            <p:txBody>
              <a:bodyPr rtlCol="0" anchor="ctr"/>
              <a:lstStyle/>
              <a:p>
                <a:endParaRPr lang="en-AU"/>
              </a:p>
            </p:txBody>
          </p:sp>
          <p:sp>
            <p:nvSpPr>
              <p:cNvPr id="72" name="Graphic 142">
                <a:extLst>
                  <a:ext uri="{FF2B5EF4-FFF2-40B4-BE49-F238E27FC236}">
                    <a16:creationId xmlns:a16="http://schemas.microsoft.com/office/drawing/2014/main" id="{5D516CA8-AD91-BCB4-B72A-5CD8869E4553}"/>
                  </a:ext>
                </a:extLst>
              </p:cNvPr>
              <p:cNvSpPr/>
              <p:nvPr/>
            </p:nvSpPr>
            <p:spPr>
              <a:xfrm>
                <a:off x="3215574" y="3834034"/>
                <a:ext cx="44517" cy="44767"/>
              </a:xfrm>
              <a:custGeom>
                <a:avLst/>
                <a:gdLst>
                  <a:gd name="connsiteX0" fmla="*/ 35594 w 44517"/>
                  <a:gd name="connsiteY0" fmla="*/ 44768 h 44767"/>
                  <a:gd name="connsiteX1" fmla="*/ 29308 w 44517"/>
                  <a:gd name="connsiteY1" fmla="*/ 42100 h 44767"/>
                  <a:gd name="connsiteX2" fmla="*/ 2542 w 44517"/>
                  <a:gd name="connsiteY2" fmla="*/ 15335 h 44767"/>
                  <a:gd name="connsiteX3" fmla="*/ 2761 w 44517"/>
                  <a:gd name="connsiteY3" fmla="*/ 2543 h 44767"/>
                  <a:gd name="connsiteX4" fmla="*/ 8924 w 44517"/>
                  <a:gd name="connsiteY4" fmla="*/ 0 h 44767"/>
                  <a:gd name="connsiteX5" fmla="*/ 15210 w 44517"/>
                  <a:gd name="connsiteY5" fmla="*/ 2667 h 44767"/>
                  <a:gd name="connsiteX6" fmla="*/ 41976 w 44517"/>
                  <a:gd name="connsiteY6" fmla="*/ 29432 h 44767"/>
                  <a:gd name="connsiteX7" fmla="*/ 41757 w 44517"/>
                  <a:gd name="connsiteY7" fmla="*/ 42224 h 44767"/>
                  <a:gd name="connsiteX8" fmla="*/ 35594 w 44517"/>
                  <a:gd name="connsiteY8" fmla="*/ 44768 h 44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517" h="44767">
                    <a:moveTo>
                      <a:pt x="35594" y="44768"/>
                    </a:moveTo>
                    <a:cubicBezTo>
                      <a:pt x="33222" y="44768"/>
                      <a:pt x="30955" y="43805"/>
                      <a:pt x="29308" y="42100"/>
                    </a:cubicBezTo>
                    <a:lnTo>
                      <a:pt x="2542" y="15335"/>
                    </a:lnTo>
                    <a:cubicBezTo>
                      <a:pt x="-934" y="11744"/>
                      <a:pt x="-830" y="6010"/>
                      <a:pt x="2761" y="2543"/>
                    </a:cubicBezTo>
                    <a:cubicBezTo>
                      <a:pt x="4419" y="943"/>
                      <a:pt x="6619" y="28"/>
                      <a:pt x="8924" y="0"/>
                    </a:cubicBezTo>
                    <a:cubicBezTo>
                      <a:pt x="11296" y="0"/>
                      <a:pt x="13563" y="962"/>
                      <a:pt x="15210" y="2667"/>
                    </a:cubicBezTo>
                    <a:lnTo>
                      <a:pt x="41976" y="29432"/>
                    </a:lnTo>
                    <a:cubicBezTo>
                      <a:pt x="45452" y="33023"/>
                      <a:pt x="45348" y="38757"/>
                      <a:pt x="41757" y="42224"/>
                    </a:cubicBezTo>
                    <a:cubicBezTo>
                      <a:pt x="40099" y="43824"/>
                      <a:pt x="37899" y="44739"/>
                      <a:pt x="35594" y="44768"/>
                    </a:cubicBezTo>
                    <a:close/>
                  </a:path>
                </a:pathLst>
              </a:custGeom>
              <a:solidFill>
                <a:srgbClr val="265999"/>
              </a:solidFill>
              <a:ln w="9525" cap="flat">
                <a:noFill/>
                <a:prstDash val="solid"/>
                <a:miter/>
              </a:ln>
            </p:spPr>
            <p:txBody>
              <a:bodyPr rtlCol="0" anchor="ctr"/>
              <a:lstStyle/>
              <a:p>
                <a:endParaRPr lang="en-AU"/>
              </a:p>
            </p:txBody>
          </p:sp>
        </p:grpSp>
        <p:grpSp>
          <p:nvGrpSpPr>
            <p:cNvPr id="73" name="Group 72">
              <a:extLst>
                <a:ext uri="{FF2B5EF4-FFF2-40B4-BE49-F238E27FC236}">
                  <a16:creationId xmlns:a16="http://schemas.microsoft.com/office/drawing/2014/main" id="{CB4A078A-14E4-0C50-1F77-BC7C4674D6BE}"/>
                </a:ext>
              </a:extLst>
            </p:cNvPr>
            <p:cNvGrpSpPr/>
            <p:nvPr/>
          </p:nvGrpSpPr>
          <p:grpSpPr>
            <a:xfrm>
              <a:off x="1864317" y="2941163"/>
              <a:ext cx="418631" cy="419100"/>
              <a:chOff x="2490501" y="2188400"/>
              <a:chExt cx="418631" cy="419100"/>
            </a:xfrm>
          </p:grpSpPr>
          <p:sp>
            <p:nvSpPr>
              <p:cNvPr id="74" name="Graphic 2">
                <a:extLst>
                  <a:ext uri="{FF2B5EF4-FFF2-40B4-BE49-F238E27FC236}">
                    <a16:creationId xmlns:a16="http://schemas.microsoft.com/office/drawing/2014/main" id="{8675D641-0443-2ADE-0B69-A465BB007940}"/>
                  </a:ext>
                </a:extLst>
              </p:cNvPr>
              <p:cNvSpPr/>
              <p:nvPr/>
            </p:nvSpPr>
            <p:spPr>
              <a:xfrm>
                <a:off x="2495550" y="2199163"/>
                <a:ext cx="318992" cy="397954"/>
              </a:xfrm>
              <a:custGeom>
                <a:avLst/>
                <a:gdLst>
                  <a:gd name="connsiteX0" fmla="*/ 229743 w 318992"/>
                  <a:gd name="connsiteY0" fmla="*/ 69913 h 397954"/>
                  <a:gd name="connsiteX1" fmla="*/ 229743 w 318992"/>
                  <a:gd name="connsiteY1" fmla="*/ 19050 h 397954"/>
                  <a:gd name="connsiteX2" fmla="*/ 210693 w 318992"/>
                  <a:gd name="connsiteY2" fmla="*/ 0 h 397954"/>
                  <a:gd name="connsiteX3" fmla="*/ 19050 w 318992"/>
                  <a:gd name="connsiteY3" fmla="*/ 0 h 397954"/>
                  <a:gd name="connsiteX4" fmla="*/ 0 w 318992"/>
                  <a:gd name="connsiteY4" fmla="*/ 19050 h 397954"/>
                  <a:gd name="connsiteX5" fmla="*/ 0 w 318992"/>
                  <a:gd name="connsiteY5" fmla="*/ 378905 h 397954"/>
                  <a:gd name="connsiteX6" fmla="*/ 19050 w 318992"/>
                  <a:gd name="connsiteY6" fmla="*/ 397955 h 397954"/>
                  <a:gd name="connsiteX7" fmla="*/ 299942 w 318992"/>
                  <a:gd name="connsiteY7" fmla="*/ 397955 h 397954"/>
                  <a:gd name="connsiteX8" fmla="*/ 318992 w 318992"/>
                  <a:gd name="connsiteY8" fmla="*/ 378905 h 397954"/>
                  <a:gd name="connsiteX9" fmla="*/ 318992 w 318992"/>
                  <a:gd name="connsiteY9" fmla="*/ 107918 h 397954"/>
                  <a:gd name="connsiteX10" fmla="*/ 299942 w 318992"/>
                  <a:gd name="connsiteY10" fmla="*/ 88868 h 397954"/>
                  <a:gd name="connsiteX11" fmla="*/ 248698 w 318992"/>
                  <a:gd name="connsiteY11" fmla="*/ 88868 h 397954"/>
                  <a:gd name="connsiteX12" fmla="*/ 229743 w 318992"/>
                  <a:gd name="connsiteY12" fmla="*/ 69913 h 397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18992" h="397954">
                    <a:moveTo>
                      <a:pt x="229743" y="69913"/>
                    </a:moveTo>
                    <a:lnTo>
                      <a:pt x="229743" y="19050"/>
                    </a:lnTo>
                    <a:cubicBezTo>
                      <a:pt x="229743" y="8525"/>
                      <a:pt x="221218" y="0"/>
                      <a:pt x="210693" y="0"/>
                    </a:cubicBezTo>
                    <a:lnTo>
                      <a:pt x="19050" y="0"/>
                    </a:lnTo>
                    <a:cubicBezTo>
                      <a:pt x="8525" y="0"/>
                      <a:pt x="0" y="8525"/>
                      <a:pt x="0" y="19050"/>
                    </a:cubicBezTo>
                    <a:lnTo>
                      <a:pt x="0" y="378905"/>
                    </a:lnTo>
                    <a:cubicBezTo>
                      <a:pt x="0" y="389430"/>
                      <a:pt x="8525" y="397955"/>
                      <a:pt x="19050" y="397955"/>
                    </a:cubicBezTo>
                    <a:lnTo>
                      <a:pt x="299942" y="397955"/>
                    </a:lnTo>
                    <a:cubicBezTo>
                      <a:pt x="310467" y="397955"/>
                      <a:pt x="318992" y="389430"/>
                      <a:pt x="318992" y="378905"/>
                    </a:cubicBezTo>
                    <a:lnTo>
                      <a:pt x="318992" y="107918"/>
                    </a:lnTo>
                    <a:cubicBezTo>
                      <a:pt x="318992" y="97393"/>
                      <a:pt x="310467" y="88868"/>
                      <a:pt x="299942" y="88868"/>
                    </a:cubicBezTo>
                    <a:lnTo>
                      <a:pt x="248698" y="88868"/>
                    </a:lnTo>
                    <a:cubicBezTo>
                      <a:pt x="238249" y="88821"/>
                      <a:pt x="229791" y="80362"/>
                      <a:pt x="229743" y="69913"/>
                    </a:cubicBezTo>
                    <a:close/>
                  </a:path>
                </a:pathLst>
              </a:custGeom>
              <a:solidFill>
                <a:srgbClr val="C7E4F1"/>
              </a:solidFill>
              <a:ln w="9525" cap="flat">
                <a:noFill/>
                <a:prstDash val="solid"/>
                <a:miter/>
              </a:ln>
            </p:spPr>
            <p:txBody>
              <a:bodyPr rtlCol="0" anchor="ctr"/>
              <a:lstStyle/>
              <a:p>
                <a:endParaRPr lang="en-AU"/>
              </a:p>
            </p:txBody>
          </p:sp>
          <p:sp>
            <p:nvSpPr>
              <p:cNvPr id="75" name="Graphic 2">
                <a:extLst>
                  <a:ext uri="{FF2B5EF4-FFF2-40B4-BE49-F238E27FC236}">
                    <a16:creationId xmlns:a16="http://schemas.microsoft.com/office/drawing/2014/main" id="{741EEE81-502F-27BB-0F28-9AA329357AF4}"/>
                  </a:ext>
                </a:extLst>
              </p:cNvPr>
              <p:cNvSpPr/>
              <p:nvPr/>
            </p:nvSpPr>
            <p:spPr>
              <a:xfrm>
                <a:off x="2745009" y="2441003"/>
                <a:ext cx="121729" cy="121729"/>
              </a:xfrm>
              <a:custGeom>
                <a:avLst/>
                <a:gdLst>
                  <a:gd name="connsiteX0" fmla="*/ 121730 w 121729"/>
                  <a:gd name="connsiteY0" fmla="*/ 60865 h 121729"/>
                  <a:gd name="connsiteX1" fmla="*/ 60865 w 121729"/>
                  <a:gd name="connsiteY1" fmla="*/ 121730 h 121729"/>
                  <a:gd name="connsiteX2" fmla="*/ 0 w 121729"/>
                  <a:gd name="connsiteY2" fmla="*/ 60865 h 121729"/>
                  <a:gd name="connsiteX3" fmla="*/ 60865 w 121729"/>
                  <a:gd name="connsiteY3" fmla="*/ 0 h 121729"/>
                  <a:gd name="connsiteX4" fmla="*/ 121730 w 121729"/>
                  <a:gd name="connsiteY4" fmla="*/ 60865 h 1217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729" h="121729">
                    <a:moveTo>
                      <a:pt x="121730" y="60865"/>
                    </a:moveTo>
                    <a:cubicBezTo>
                      <a:pt x="121730" y="94479"/>
                      <a:pt x="94479" y="121730"/>
                      <a:pt x="60865" y="121730"/>
                    </a:cubicBezTo>
                    <a:cubicBezTo>
                      <a:pt x="27250" y="121730"/>
                      <a:pt x="0" y="94479"/>
                      <a:pt x="0" y="60865"/>
                    </a:cubicBezTo>
                    <a:cubicBezTo>
                      <a:pt x="0" y="27250"/>
                      <a:pt x="27250" y="0"/>
                      <a:pt x="60865" y="0"/>
                    </a:cubicBezTo>
                    <a:cubicBezTo>
                      <a:pt x="94479" y="0"/>
                      <a:pt x="121730" y="27250"/>
                      <a:pt x="121730" y="60865"/>
                    </a:cubicBezTo>
                    <a:close/>
                  </a:path>
                </a:pathLst>
              </a:custGeom>
              <a:solidFill>
                <a:srgbClr val="66B9DA"/>
              </a:solidFill>
              <a:ln w="9525" cap="flat">
                <a:noFill/>
                <a:prstDash val="solid"/>
                <a:miter/>
              </a:ln>
            </p:spPr>
            <p:txBody>
              <a:bodyPr rtlCol="0" anchor="ctr"/>
              <a:lstStyle/>
              <a:p>
                <a:endParaRPr lang="en-AU"/>
              </a:p>
            </p:txBody>
          </p:sp>
          <p:sp>
            <p:nvSpPr>
              <p:cNvPr id="76" name="Graphic 2">
                <a:extLst>
                  <a:ext uri="{FF2B5EF4-FFF2-40B4-BE49-F238E27FC236}">
                    <a16:creationId xmlns:a16="http://schemas.microsoft.com/office/drawing/2014/main" id="{C39629D7-40DA-E1B1-459E-44722E00BFDA}"/>
                  </a:ext>
                </a:extLst>
              </p:cNvPr>
              <p:cNvSpPr/>
              <p:nvPr/>
            </p:nvSpPr>
            <p:spPr>
              <a:xfrm>
                <a:off x="2490501" y="2188400"/>
                <a:ext cx="338948" cy="419100"/>
              </a:xfrm>
              <a:custGeom>
                <a:avLst/>
                <a:gdLst>
                  <a:gd name="connsiteX0" fmla="*/ 22384 w 338948"/>
                  <a:gd name="connsiteY0" fmla="*/ 419100 h 419100"/>
                  <a:gd name="connsiteX1" fmla="*/ 0 w 338948"/>
                  <a:gd name="connsiteY1" fmla="*/ 396812 h 419100"/>
                  <a:gd name="connsiteX2" fmla="*/ 0 w 338948"/>
                  <a:gd name="connsiteY2" fmla="*/ 22384 h 419100"/>
                  <a:gd name="connsiteX3" fmla="*/ 22384 w 338948"/>
                  <a:gd name="connsiteY3" fmla="*/ 0 h 419100"/>
                  <a:gd name="connsiteX4" fmla="*/ 249650 w 338948"/>
                  <a:gd name="connsiteY4" fmla="*/ 0 h 419100"/>
                  <a:gd name="connsiteX5" fmla="*/ 256032 w 338948"/>
                  <a:gd name="connsiteY5" fmla="*/ 2667 h 419100"/>
                  <a:gd name="connsiteX6" fmla="*/ 336233 w 338948"/>
                  <a:gd name="connsiteY6" fmla="*/ 82867 h 419100"/>
                  <a:gd name="connsiteX7" fmla="*/ 338900 w 338948"/>
                  <a:gd name="connsiteY7" fmla="*/ 89249 h 419100"/>
                  <a:gd name="connsiteX8" fmla="*/ 338900 w 338948"/>
                  <a:gd name="connsiteY8" fmla="*/ 209550 h 419100"/>
                  <a:gd name="connsiteX9" fmla="*/ 330822 w 338948"/>
                  <a:gd name="connsiteY9" fmla="*/ 219475 h 419100"/>
                  <a:gd name="connsiteX10" fmla="*/ 320897 w 338948"/>
                  <a:gd name="connsiteY10" fmla="*/ 211407 h 419100"/>
                  <a:gd name="connsiteX11" fmla="*/ 320897 w 338948"/>
                  <a:gd name="connsiteY11" fmla="*/ 209550 h 419100"/>
                  <a:gd name="connsiteX12" fmla="*/ 320897 w 338948"/>
                  <a:gd name="connsiteY12" fmla="*/ 116015 h 419100"/>
                  <a:gd name="connsiteX13" fmla="*/ 316706 w 338948"/>
                  <a:gd name="connsiteY13" fmla="*/ 111633 h 419100"/>
                  <a:gd name="connsiteX14" fmla="*/ 316516 w 338948"/>
                  <a:gd name="connsiteY14" fmla="*/ 111633 h 419100"/>
                  <a:gd name="connsiteX15" fmla="*/ 247459 w 338948"/>
                  <a:gd name="connsiteY15" fmla="*/ 111633 h 419100"/>
                  <a:gd name="connsiteX16" fmla="*/ 227362 w 338948"/>
                  <a:gd name="connsiteY16" fmla="*/ 91535 h 419100"/>
                  <a:gd name="connsiteX17" fmla="*/ 227362 w 338948"/>
                  <a:gd name="connsiteY17" fmla="*/ 91440 h 419100"/>
                  <a:gd name="connsiteX18" fmla="*/ 227362 w 338948"/>
                  <a:gd name="connsiteY18" fmla="*/ 22384 h 419100"/>
                  <a:gd name="connsiteX19" fmla="*/ 222885 w 338948"/>
                  <a:gd name="connsiteY19" fmla="*/ 18002 h 419100"/>
                  <a:gd name="connsiteX20" fmla="*/ 22384 w 338948"/>
                  <a:gd name="connsiteY20" fmla="*/ 18002 h 419100"/>
                  <a:gd name="connsiteX21" fmla="*/ 18002 w 338948"/>
                  <a:gd name="connsiteY21" fmla="*/ 22384 h 419100"/>
                  <a:gd name="connsiteX22" fmla="*/ 18002 w 338948"/>
                  <a:gd name="connsiteY22" fmla="*/ 396812 h 419100"/>
                  <a:gd name="connsiteX23" fmla="*/ 22384 w 338948"/>
                  <a:gd name="connsiteY23" fmla="*/ 401193 h 419100"/>
                  <a:gd name="connsiteX24" fmla="*/ 263080 w 338948"/>
                  <a:gd name="connsiteY24" fmla="*/ 401193 h 419100"/>
                  <a:gd name="connsiteX25" fmla="*/ 272034 w 338948"/>
                  <a:gd name="connsiteY25" fmla="*/ 410146 h 419100"/>
                  <a:gd name="connsiteX26" fmla="*/ 263080 w 338948"/>
                  <a:gd name="connsiteY26" fmla="*/ 419100 h 419100"/>
                  <a:gd name="connsiteX27" fmla="*/ 249650 w 338948"/>
                  <a:gd name="connsiteY27" fmla="*/ 23527 h 419100"/>
                  <a:gd name="connsiteX28" fmla="*/ 248031 w 338948"/>
                  <a:gd name="connsiteY28" fmla="*/ 23527 h 419100"/>
                  <a:gd name="connsiteX29" fmla="*/ 245269 w 338948"/>
                  <a:gd name="connsiteY29" fmla="*/ 27527 h 419100"/>
                  <a:gd name="connsiteX30" fmla="*/ 245269 w 338948"/>
                  <a:gd name="connsiteY30" fmla="*/ 88868 h 419100"/>
                  <a:gd name="connsiteX31" fmla="*/ 249650 w 338948"/>
                  <a:gd name="connsiteY31" fmla="*/ 93250 h 419100"/>
                  <a:gd name="connsiteX32" fmla="*/ 310991 w 338948"/>
                  <a:gd name="connsiteY32" fmla="*/ 93250 h 419100"/>
                  <a:gd name="connsiteX33" fmla="*/ 315468 w 338948"/>
                  <a:gd name="connsiteY33" fmla="*/ 88963 h 419100"/>
                  <a:gd name="connsiteX34" fmla="*/ 314134 w 338948"/>
                  <a:gd name="connsiteY34" fmla="*/ 85725 h 419100"/>
                  <a:gd name="connsiteX35" fmla="*/ 252698 w 338948"/>
                  <a:gd name="connsiteY35" fmla="*/ 24575 h 419100"/>
                  <a:gd name="connsiteX36" fmla="*/ 249650 w 338948"/>
                  <a:gd name="connsiteY36" fmla="*/ 23527 h 419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338948" h="419100">
                    <a:moveTo>
                      <a:pt x="22384" y="419100"/>
                    </a:moveTo>
                    <a:cubicBezTo>
                      <a:pt x="10058" y="419100"/>
                      <a:pt x="57" y="409137"/>
                      <a:pt x="0" y="396812"/>
                    </a:cubicBezTo>
                    <a:lnTo>
                      <a:pt x="0" y="22384"/>
                    </a:lnTo>
                    <a:cubicBezTo>
                      <a:pt x="0" y="10020"/>
                      <a:pt x="10020" y="0"/>
                      <a:pt x="22384" y="0"/>
                    </a:cubicBezTo>
                    <a:lnTo>
                      <a:pt x="249650" y="0"/>
                    </a:lnTo>
                    <a:cubicBezTo>
                      <a:pt x="252041" y="57"/>
                      <a:pt x="254317" y="1010"/>
                      <a:pt x="256032" y="2667"/>
                    </a:cubicBezTo>
                    <a:lnTo>
                      <a:pt x="336233" y="82867"/>
                    </a:lnTo>
                    <a:cubicBezTo>
                      <a:pt x="337890" y="84582"/>
                      <a:pt x="338842" y="86859"/>
                      <a:pt x="338900" y="89249"/>
                    </a:cubicBezTo>
                    <a:lnTo>
                      <a:pt x="338900" y="209550"/>
                    </a:lnTo>
                    <a:cubicBezTo>
                      <a:pt x="339414" y="214522"/>
                      <a:pt x="335794" y="218970"/>
                      <a:pt x="330822" y="219475"/>
                    </a:cubicBezTo>
                    <a:cubicBezTo>
                      <a:pt x="325850" y="219989"/>
                      <a:pt x="321412" y="216379"/>
                      <a:pt x="320897" y="211407"/>
                    </a:cubicBezTo>
                    <a:cubicBezTo>
                      <a:pt x="320831" y="210788"/>
                      <a:pt x="320831" y="210169"/>
                      <a:pt x="320897" y="209550"/>
                    </a:cubicBezTo>
                    <a:lnTo>
                      <a:pt x="320897" y="116015"/>
                    </a:lnTo>
                    <a:cubicBezTo>
                      <a:pt x="320954" y="113652"/>
                      <a:pt x="319078" y="111690"/>
                      <a:pt x="316706" y="111633"/>
                    </a:cubicBezTo>
                    <a:cubicBezTo>
                      <a:pt x="316640" y="111633"/>
                      <a:pt x="316582" y="111633"/>
                      <a:pt x="316516" y="111633"/>
                    </a:cubicBezTo>
                    <a:lnTo>
                      <a:pt x="247459" y="111633"/>
                    </a:lnTo>
                    <a:cubicBezTo>
                      <a:pt x="236363" y="111633"/>
                      <a:pt x="227362" y="102632"/>
                      <a:pt x="227362" y="91535"/>
                    </a:cubicBezTo>
                    <a:cubicBezTo>
                      <a:pt x="227362" y="91507"/>
                      <a:pt x="227362" y="91469"/>
                      <a:pt x="227362" y="91440"/>
                    </a:cubicBezTo>
                    <a:lnTo>
                      <a:pt x="227362" y="22384"/>
                    </a:lnTo>
                    <a:cubicBezTo>
                      <a:pt x="227314" y="19945"/>
                      <a:pt x="225323" y="18002"/>
                      <a:pt x="222885" y="18002"/>
                    </a:cubicBezTo>
                    <a:lnTo>
                      <a:pt x="22384" y="18002"/>
                    </a:lnTo>
                    <a:cubicBezTo>
                      <a:pt x="19964" y="18002"/>
                      <a:pt x="18002" y="19964"/>
                      <a:pt x="18002" y="22384"/>
                    </a:cubicBezTo>
                    <a:lnTo>
                      <a:pt x="18002" y="396812"/>
                    </a:lnTo>
                    <a:cubicBezTo>
                      <a:pt x="18002" y="399231"/>
                      <a:pt x="19964" y="401193"/>
                      <a:pt x="22384" y="401193"/>
                    </a:cubicBezTo>
                    <a:lnTo>
                      <a:pt x="263080" y="401193"/>
                    </a:lnTo>
                    <a:cubicBezTo>
                      <a:pt x="268024" y="401193"/>
                      <a:pt x="272034" y="405203"/>
                      <a:pt x="272034" y="410146"/>
                    </a:cubicBezTo>
                    <a:cubicBezTo>
                      <a:pt x="272034" y="415090"/>
                      <a:pt x="268024" y="419100"/>
                      <a:pt x="263080" y="419100"/>
                    </a:cubicBezTo>
                    <a:close/>
                    <a:moveTo>
                      <a:pt x="249650" y="23527"/>
                    </a:moveTo>
                    <a:cubicBezTo>
                      <a:pt x="249117" y="23384"/>
                      <a:pt x="248564" y="23384"/>
                      <a:pt x="248031" y="23527"/>
                    </a:cubicBezTo>
                    <a:cubicBezTo>
                      <a:pt x="246355" y="24136"/>
                      <a:pt x="245240" y="25746"/>
                      <a:pt x="245269" y="27527"/>
                    </a:cubicBezTo>
                    <a:lnTo>
                      <a:pt x="245269" y="88868"/>
                    </a:lnTo>
                    <a:cubicBezTo>
                      <a:pt x="245316" y="91269"/>
                      <a:pt x="247250" y="93202"/>
                      <a:pt x="249650" y="93250"/>
                    </a:cubicBezTo>
                    <a:lnTo>
                      <a:pt x="310991" y="93250"/>
                    </a:lnTo>
                    <a:cubicBezTo>
                      <a:pt x="313411" y="93297"/>
                      <a:pt x="315411" y="91383"/>
                      <a:pt x="315468" y="88963"/>
                    </a:cubicBezTo>
                    <a:cubicBezTo>
                      <a:pt x="315487" y="87744"/>
                      <a:pt x="315011" y="86573"/>
                      <a:pt x="314134" y="85725"/>
                    </a:cubicBezTo>
                    <a:lnTo>
                      <a:pt x="252698" y="24575"/>
                    </a:lnTo>
                    <a:cubicBezTo>
                      <a:pt x="251850" y="23860"/>
                      <a:pt x="250765" y="23489"/>
                      <a:pt x="249650" y="23527"/>
                    </a:cubicBezTo>
                    <a:close/>
                  </a:path>
                </a:pathLst>
              </a:custGeom>
              <a:solidFill>
                <a:srgbClr val="265998"/>
              </a:solidFill>
              <a:ln w="9525" cap="flat">
                <a:noFill/>
                <a:prstDash val="solid"/>
                <a:miter/>
              </a:ln>
            </p:spPr>
            <p:txBody>
              <a:bodyPr rtlCol="0" anchor="ctr"/>
              <a:lstStyle/>
              <a:p>
                <a:endParaRPr lang="en-AU"/>
              </a:p>
            </p:txBody>
          </p:sp>
          <p:sp>
            <p:nvSpPr>
              <p:cNvPr id="77" name="Graphic 2">
                <a:extLst>
                  <a:ext uri="{FF2B5EF4-FFF2-40B4-BE49-F238E27FC236}">
                    <a16:creationId xmlns:a16="http://schemas.microsoft.com/office/drawing/2014/main" id="{7C136FC7-D31D-3FF5-76E0-6F403107DD37}"/>
                  </a:ext>
                </a:extLst>
              </p:cNvPr>
              <p:cNvSpPr/>
              <p:nvPr/>
            </p:nvSpPr>
            <p:spPr>
              <a:xfrm>
                <a:off x="2730049" y="2428138"/>
                <a:ext cx="179083" cy="179361"/>
              </a:xfrm>
              <a:custGeom>
                <a:avLst/>
                <a:gdLst>
                  <a:gd name="connsiteX0" fmla="*/ 170599 w 179083"/>
                  <a:gd name="connsiteY0" fmla="*/ 179362 h 179361"/>
                  <a:gd name="connsiteX1" fmla="*/ 164217 w 179083"/>
                  <a:gd name="connsiteY1" fmla="*/ 176790 h 179361"/>
                  <a:gd name="connsiteX2" fmla="*/ 126117 w 179083"/>
                  <a:gd name="connsiteY2" fmla="*/ 138690 h 179361"/>
                  <a:gd name="connsiteX3" fmla="*/ 122974 w 179083"/>
                  <a:gd name="connsiteY3" fmla="*/ 137356 h 179361"/>
                  <a:gd name="connsiteX4" fmla="*/ 120497 w 179083"/>
                  <a:gd name="connsiteY4" fmla="*/ 138214 h 179361"/>
                  <a:gd name="connsiteX5" fmla="*/ 14198 w 179083"/>
                  <a:gd name="connsiteY5" fmla="*/ 120497 h 179361"/>
                  <a:gd name="connsiteX6" fmla="*/ 31915 w 179083"/>
                  <a:gd name="connsiteY6" fmla="*/ 14198 h 179361"/>
                  <a:gd name="connsiteX7" fmla="*/ 138214 w 179083"/>
                  <a:gd name="connsiteY7" fmla="*/ 31915 h 179361"/>
                  <a:gd name="connsiteX8" fmla="*/ 152406 w 179083"/>
                  <a:gd name="connsiteY8" fmla="*/ 76396 h 179361"/>
                  <a:gd name="connsiteX9" fmla="*/ 138309 w 179083"/>
                  <a:gd name="connsiteY9" fmla="*/ 120307 h 179361"/>
                  <a:gd name="connsiteX10" fmla="*/ 138309 w 179083"/>
                  <a:gd name="connsiteY10" fmla="*/ 125926 h 179361"/>
                  <a:gd name="connsiteX11" fmla="*/ 176409 w 179083"/>
                  <a:gd name="connsiteY11" fmla="*/ 164026 h 179361"/>
                  <a:gd name="connsiteX12" fmla="*/ 176514 w 179083"/>
                  <a:gd name="connsiteY12" fmla="*/ 176685 h 179361"/>
                  <a:gd name="connsiteX13" fmla="*/ 170122 w 179083"/>
                  <a:gd name="connsiteY13" fmla="*/ 179362 h 179361"/>
                  <a:gd name="connsiteX14" fmla="*/ 76968 w 179083"/>
                  <a:gd name="connsiteY14" fmla="*/ 18961 h 179361"/>
                  <a:gd name="connsiteX15" fmla="*/ 19056 w 179083"/>
                  <a:gd name="connsiteY15" fmla="*/ 76873 h 179361"/>
                  <a:gd name="connsiteX16" fmla="*/ 76968 w 179083"/>
                  <a:gd name="connsiteY16" fmla="*/ 134785 h 179361"/>
                  <a:gd name="connsiteX17" fmla="*/ 134880 w 179083"/>
                  <a:gd name="connsiteY17" fmla="*/ 76873 h 179361"/>
                  <a:gd name="connsiteX18" fmla="*/ 134880 w 179083"/>
                  <a:gd name="connsiteY18" fmla="*/ 76777 h 179361"/>
                  <a:gd name="connsiteX19" fmla="*/ 76968 w 179083"/>
                  <a:gd name="connsiteY19" fmla="*/ 18961 h 1793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79083" h="179361">
                    <a:moveTo>
                      <a:pt x="170599" y="179362"/>
                    </a:moveTo>
                    <a:cubicBezTo>
                      <a:pt x="168227" y="179333"/>
                      <a:pt x="165951" y="178409"/>
                      <a:pt x="164217" y="176790"/>
                    </a:cubicBezTo>
                    <a:lnTo>
                      <a:pt x="126117" y="138690"/>
                    </a:lnTo>
                    <a:cubicBezTo>
                      <a:pt x="125288" y="137852"/>
                      <a:pt x="124155" y="137366"/>
                      <a:pt x="122974" y="137356"/>
                    </a:cubicBezTo>
                    <a:cubicBezTo>
                      <a:pt x="122078" y="137366"/>
                      <a:pt x="121202" y="137661"/>
                      <a:pt x="120497" y="138214"/>
                    </a:cubicBezTo>
                    <a:cubicBezTo>
                      <a:pt x="86255" y="162674"/>
                      <a:pt x="38658" y="154740"/>
                      <a:pt x="14198" y="120497"/>
                    </a:cubicBezTo>
                    <a:cubicBezTo>
                      <a:pt x="-10262" y="86255"/>
                      <a:pt x="-2328" y="38658"/>
                      <a:pt x="31915" y="14198"/>
                    </a:cubicBezTo>
                    <a:cubicBezTo>
                      <a:pt x="66157" y="-10262"/>
                      <a:pt x="113753" y="-2328"/>
                      <a:pt x="138214" y="31915"/>
                    </a:cubicBezTo>
                    <a:cubicBezTo>
                      <a:pt x="147481" y="44897"/>
                      <a:pt x="152444" y="60452"/>
                      <a:pt x="152406" y="76396"/>
                    </a:cubicBezTo>
                    <a:cubicBezTo>
                      <a:pt x="152425" y="92151"/>
                      <a:pt x="147491" y="107505"/>
                      <a:pt x="138309" y="120307"/>
                    </a:cubicBezTo>
                    <a:cubicBezTo>
                      <a:pt x="136947" y="121936"/>
                      <a:pt x="136947" y="124298"/>
                      <a:pt x="138309" y="125926"/>
                    </a:cubicBezTo>
                    <a:lnTo>
                      <a:pt x="176409" y="164026"/>
                    </a:lnTo>
                    <a:cubicBezTo>
                      <a:pt x="179933" y="167494"/>
                      <a:pt x="179981" y="173161"/>
                      <a:pt x="176514" y="176685"/>
                    </a:cubicBezTo>
                    <a:cubicBezTo>
                      <a:pt x="174828" y="178400"/>
                      <a:pt x="172523" y="179362"/>
                      <a:pt x="170122" y="179362"/>
                    </a:cubicBezTo>
                    <a:close/>
                    <a:moveTo>
                      <a:pt x="76968" y="18961"/>
                    </a:moveTo>
                    <a:cubicBezTo>
                      <a:pt x="44983" y="18961"/>
                      <a:pt x="19056" y="44888"/>
                      <a:pt x="19056" y="76873"/>
                    </a:cubicBezTo>
                    <a:cubicBezTo>
                      <a:pt x="19056" y="108858"/>
                      <a:pt x="44983" y="134785"/>
                      <a:pt x="76968" y="134785"/>
                    </a:cubicBezTo>
                    <a:cubicBezTo>
                      <a:pt x="108953" y="134785"/>
                      <a:pt x="134880" y="108858"/>
                      <a:pt x="134880" y="76873"/>
                    </a:cubicBezTo>
                    <a:cubicBezTo>
                      <a:pt x="134880" y="76844"/>
                      <a:pt x="134880" y="76806"/>
                      <a:pt x="134880" y="76777"/>
                    </a:cubicBezTo>
                    <a:cubicBezTo>
                      <a:pt x="134823" y="44831"/>
                      <a:pt x="108915" y="18961"/>
                      <a:pt x="76968" y="18961"/>
                    </a:cubicBezTo>
                    <a:close/>
                  </a:path>
                </a:pathLst>
              </a:custGeom>
              <a:solidFill>
                <a:srgbClr val="265998"/>
              </a:solidFill>
              <a:ln w="9525" cap="flat">
                <a:noFill/>
                <a:prstDash val="solid"/>
                <a:miter/>
              </a:ln>
            </p:spPr>
            <p:txBody>
              <a:bodyPr rtlCol="0" anchor="ctr"/>
              <a:lstStyle/>
              <a:p>
                <a:endParaRPr lang="en-AU"/>
              </a:p>
            </p:txBody>
          </p:sp>
          <p:sp>
            <p:nvSpPr>
              <p:cNvPr id="78" name="Graphic 2">
                <a:extLst>
                  <a:ext uri="{FF2B5EF4-FFF2-40B4-BE49-F238E27FC236}">
                    <a16:creationId xmlns:a16="http://schemas.microsoft.com/office/drawing/2014/main" id="{A4729175-480F-8704-D993-0782F2995770}"/>
                  </a:ext>
                </a:extLst>
              </p:cNvPr>
              <p:cNvSpPr/>
              <p:nvPr/>
            </p:nvSpPr>
            <p:spPr>
              <a:xfrm>
                <a:off x="2543746" y="2308796"/>
                <a:ext cx="84582" cy="245268"/>
              </a:xfrm>
              <a:custGeom>
                <a:avLst/>
                <a:gdLst>
                  <a:gd name="connsiteX0" fmla="*/ 8954 w 84582"/>
                  <a:gd name="connsiteY0" fmla="*/ 245269 h 245268"/>
                  <a:gd name="connsiteX1" fmla="*/ 0 w 84582"/>
                  <a:gd name="connsiteY1" fmla="*/ 236220 h 245268"/>
                  <a:gd name="connsiteX2" fmla="*/ 0 w 84582"/>
                  <a:gd name="connsiteY2" fmla="*/ 8954 h 245268"/>
                  <a:gd name="connsiteX3" fmla="*/ 8954 w 84582"/>
                  <a:gd name="connsiteY3" fmla="*/ 0 h 245268"/>
                  <a:gd name="connsiteX4" fmla="*/ 75629 w 84582"/>
                  <a:gd name="connsiteY4" fmla="*/ 0 h 245268"/>
                  <a:gd name="connsiteX5" fmla="*/ 84582 w 84582"/>
                  <a:gd name="connsiteY5" fmla="*/ 8954 h 245268"/>
                  <a:gd name="connsiteX6" fmla="*/ 84582 w 84582"/>
                  <a:gd name="connsiteY6" fmla="*/ 236220 h 245268"/>
                  <a:gd name="connsiteX7" fmla="*/ 75629 w 84582"/>
                  <a:gd name="connsiteY7" fmla="*/ 245269 h 245268"/>
                  <a:gd name="connsiteX8" fmla="*/ 22288 w 84582"/>
                  <a:gd name="connsiteY8" fmla="*/ 17907 h 245268"/>
                  <a:gd name="connsiteX9" fmla="*/ 17907 w 84582"/>
                  <a:gd name="connsiteY9" fmla="*/ 22288 h 245268"/>
                  <a:gd name="connsiteX10" fmla="*/ 17907 w 84582"/>
                  <a:gd name="connsiteY10" fmla="*/ 222885 h 245268"/>
                  <a:gd name="connsiteX11" fmla="*/ 22288 w 84582"/>
                  <a:gd name="connsiteY11" fmla="*/ 227267 h 245268"/>
                  <a:gd name="connsiteX12" fmla="*/ 62389 w 84582"/>
                  <a:gd name="connsiteY12" fmla="*/ 227267 h 245268"/>
                  <a:gd name="connsiteX13" fmla="*/ 66770 w 84582"/>
                  <a:gd name="connsiteY13" fmla="*/ 223075 h 245268"/>
                  <a:gd name="connsiteX14" fmla="*/ 66770 w 84582"/>
                  <a:gd name="connsiteY14" fmla="*/ 222885 h 245268"/>
                  <a:gd name="connsiteX15" fmla="*/ 66770 w 84582"/>
                  <a:gd name="connsiteY15" fmla="*/ 22288 h 245268"/>
                  <a:gd name="connsiteX16" fmla="*/ 62389 w 84582"/>
                  <a:gd name="connsiteY16" fmla="*/ 17907 h 2452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4582" h="245268">
                    <a:moveTo>
                      <a:pt x="8954" y="245269"/>
                    </a:moveTo>
                    <a:cubicBezTo>
                      <a:pt x="4096" y="244983"/>
                      <a:pt x="238" y="241078"/>
                      <a:pt x="0" y="236220"/>
                    </a:cubicBezTo>
                    <a:lnTo>
                      <a:pt x="0" y="8954"/>
                    </a:lnTo>
                    <a:cubicBezTo>
                      <a:pt x="0" y="4010"/>
                      <a:pt x="4010" y="0"/>
                      <a:pt x="8954" y="0"/>
                    </a:cubicBezTo>
                    <a:lnTo>
                      <a:pt x="75629" y="0"/>
                    </a:lnTo>
                    <a:cubicBezTo>
                      <a:pt x="80572" y="0"/>
                      <a:pt x="84582" y="4010"/>
                      <a:pt x="84582" y="8954"/>
                    </a:cubicBezTo>
                    <a:lnTo>
                      <a:pt x="84582" y="236220"/>
                    </a:lnTo>
                    <a:cubicBezTo>
                      <a:pt x="84344" y="241078"/>
                      <a:pt x="80486" y="244983"/>
                      <a:pt x="75629" y="245269"/>
                    </a:cubicBezTo>
                    <a:close/>
                    <a:moveTo>
                      <a:pt x="22288" y="17907"/>
                    </a:moveTo>
                    <a:cubicBezTo>
                      <a:pt x="19888" y="17955"/>
                      <a:pt x="17955" y="19888"/>
                      <a:pt x="17907" y="22288"/>
                    </a:cubicBezTo>
                    <a:lnTo>
                      <a:pt x="17907" y="222885"/>
                    </a:lnTo>
                    <a:cubicBezTo>
                      <a:pt x="17907" y="225304"/>
                      <a:pt x="19869" y="227267"/>
                      <a:pt x="22288" y="227267"/>
                    </a:cubicBezTo>
                    <a:lnTo>
                      <a:pt x="62389" y="227267"/>
                    </a:lnTo>
                    <a:cubicBezTo>
                      <a:pt x="64751" y="227324"/>
                      <a:pt x="66713" y="225447"/>
                      <a:pt x="66770" y="223075"/>
                    </a:cubicBezTo>
                    <a:cubicBezTo>
                      <a:pt x="66770" y="223009"/>
                      <a:pt x="66770" y="222952"/>
                      <a:pt x="66770" y="222885"/>
                    </a:cubicBezTo>
                    <a:lnTo>
                      <a:pt x="66770" y="22288"/>
                    </a:lnTo>
                    <a:cubicBezTo>
                      <a:pt x="66770" y="19869"/>
                      <a:pt x="64808" y="17907"/>
                      <a:pt x="62389" y="17907"/>
                    </a:cubicBezTo>
                    <a:close/>
                  </a:path>
                </a:pathLst>
              </a:custGeom>
              <a:solidFill>
                <a:srgbClr val="265998"/>
              </a:solidFill>
              <a:ln w="9525" cap="flat">
                <a:noFill/>
                <a:prstDash val="solid"/>
                <a:miter/>
              </a:ln>
            </p:spPr>
            <p:txBody>
              <a:bodyPr rtlCol="0" anchor="ctr"/>
              <a:lstStyle/>
              <a:p>
                <a:endParaRPr lang="en-AU"/>
              </a:p>
            </p:txBody>
          </p:sp>
          <p:sp>
            <p:nvSpPr>
              <p:cNvPr id="79" name="Graphic 2">
                <a:extLst>
                  <a:ext uri="{FF2B5EF4-FFF2-40B4-BE49-F238E27FC236}">
                    <a16:creationId xmlns:a16="http://schemas.microsoft.com/office/drawing/2014/main" id="{1FA16013-FD3F-1FB1-DACA-E31665275338}"/>
                  </a:ext>
                </a:extLst>
              </p:cNvPr>
              <p:cNvSpPr/>
              <p:nvPr/>
            </p:nvSpPr>
            <p:spPr>
              <a:xfrm>
                <a:off x="2664333" y="2375471"/>
                <a:ext cx="84582" cy="178593"/>
              </a:xfrm>
              <a:custGeom>
                <a:avLst/>
                <a:gdLst>
                  <a:gd name="connsiteX0" fmla="*/ 8954 w 84582"/>
                  <a:gd name="connsiteY0" fmla="*/ 178594 h 178593"/>
                  <a:gd name="connsiteX1" fmla="*/ 0 w 84582"/>
                  <a:gd name="connsiteY1" fmla="*/ 169545 h 178593"/>
                  <a:gd name="connsiteX2" fmla="*/ 0 w 84582"/>
                  <a:gd name="connsiteY2" fmla="*/ 8954 h 178593"/>
                  <a:gd name="connsiteX3" fmla="*/ 8954 w 84582"/>
                  <a:gd name="connsiteY3" fmla="*/ 0 h 178593"/>
                  <a:gd name="connsiteX4" fmla="*/ 75629 w 84582"/>
                  <a:gd name="connsiteY4" fmla="*/ 0 h 178593"/>
                  <a:gd name="connsiteX5" fmla="*/ 84582 w 84582"/>
                  <a:gd name="connsiteY5" fmla="*/ 8954 h 178593"/>
                  <a:gd name="connsiteX6" fmla="*/ 84582 w 84582"/>
                  <a:gd name="connsiteY6" fmla="*/ 49054 h 178593"/>
                  <a:gd name="connsiteX7" fmla="*/ 75629 w 84582"/>
                  <a:gd name="connsiteY7" fmla="*/ 58007 h 178593"/>
                  <a:gd name="connsiteX8" fmla="*/ 66675 w 84582"/>
                  <a:gd name="connsiteY8" fmla="*/ 49054 h 178593"/>
                  <a:gd name="connsiteX9" fmla="*/ 66675 w 84582"/>
                  <a:gd name="connsiteY9" fmla="*/ 22288 h 178593"/>
                  <a:gd name="connsiteX10" fmla="*/ 62293 w 84582"/>
                  <a:gd name="connsiteY10" fmla="*/ 17907 h 178593"/>
                  <a:gd name="connsiteX11" fmla="*/ 22193 w 84582"/>
                  <a:gd name="connsiteY11" fmla="*/ 17907 h 178593"/>
                  <a:gd name="connsiteX12" fmla="*/ 17812 w 84582"/>
                  <a:gd name="connsiteY12" fmla="*/ 22288 h 178593"/>
                  <a:gd name="connsiteX13" fmla="*/ 17812 w 84582"/>
                  <a:gd name="connsiteY13" fmla="*/ 155638 h 178593"/>
                  <a:gd name="connsiteX14" fmla="*/ 22003 w 84582"/>
                  <a:gd name="connsiteY14" fmla="*/ 160020 h 178593"/>
                  <a:gd name="connsiteX15" fmla="*/ 22193 w 84582"/>
                  <a:gd name="connsiteY15" fmla="*/ 160020 h 178593"/>
                  <a:gd name="connsiteX16" fmla="*/ 48863 w 84582"/>
                  <a:gd name="connsiteY16" fmla="*/ 160020 h 178593"/>
                  <a:gd name="connsiteX17" fmla="*/ 56940 w 84582"/>
                  <a:gd name="connsiteY17" fmla="*/ 169945 h 178593"/>
                  <a:gd name="connsiteX18" fmla="*/ 48863 w 84582"/>
                  <a:gd name="connsiteY18" fmla="*/ 178022 h 1785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84582" h="178593">
                    <a:moveTo>
                      <a:pt x="8954" y="178594"/>
                    </a:moveTo>
                    <a:cubicBezTo>
                      <a:pt x="4096" y="178308"/>
                      <a:pt x="238" y="174403"/>
                      <a:pt x="0" y="169545"/>
                    </a:cubicBezTo>
                    <a:lnTo>
                      <a:pt x="0" y="8954"/>
                    </a:lnTo>
                    <a:cubicBezTo>
                      <a:pt x="0" y="4010"/>
                      <a:pt x="4010" y="0"/>
                      <a:pt x="8954" y="0"/>
                    </a:cubicBezTo>
                    <a:lnTo>
                      <a:pt x="75629" y="0"/>
                    </a:lnTo>
                    <a:cubicBezTo>
                      <a:pt x="80572" y="0"/>
                      <a:pt x="84582" y="4010"/>
                      <a:pt x="84582" y="8954"/>
                    </a:cubicBezTo>
                    <a:lnTo>
                      <a:pt x="84582" y="49054"/>
                    </a:lnTo>
                    <a:cubicBezTo>
                      <a:pt x="84582" y="53997"/>
                      <a:pt x="80572" y="58007"/>
                      <a:pt x="75629" y="58007"/>
                    </a:cubicBezTo>
                    <a:cubicBezTo>
                      <a:pt x="70685" y="58007"/>
                      <a:pt x="66675" y="53997"/>
                      <a:pt x="66675" y="49054"/>
                    </a:cubicBezTo>
                    <a:lnTo>
                      <a:pt x="66675" y="22288"/>
                    </a:lnTo>
                    <a:cubicBezTo>
                      <a:pt x="66627" y="19888"/>
                      <a:pt x="64694" y="17955"/>
                      <a:pt x="62293" y="17907"/>
                    </a:cubicBezTo>
                    <a:lnTo>
                      <a:pt x="22193" y="17907"/>
                    </a:lnTo>
                    <a:cubicBezTo>
                      <a:pt x="19774" y="17907"/>
                      <a:pt x="17812" y="19869"/>
                      <a:pt x="17812" y="22288"/>
                    </a:cubicBezTo>
                    <a:lnTo>
                      <a:pt x="17812" y="155638"/>
                    </a:lnTo>
                    <a:cubicBezTo>
                      <a:pt x="17755" y="158001"/>
                      <a:pt x="19631" y="159963"/>
                      <a:pt x="22003" y="160020"/>
                    </a:cubicBezTo>
                    <a:cubicBezTo>
                      <a:pt x="22069" y="160020"/>
                      <a:pt x="22127" y="160020"/>
                      <a:pt x="22193" y="160020"/>
                    </a:cubicBezTo>
                    <a:lnTo>
                      <a:pt x="48863" y="160020"/>
                    </a:lnTo>
                    <a:cubicBezTo>
                      <a:pt x="53835" y="160534"/>
                      <a:pt x="57445" y="164973"/>
                      <a:pt x="56940" y="169945"/>
                    </a:cubicBezTo>
                    <a:cubicBezTo>
                      <a:pt x="56502" y="174212"/>
                      <a:pt x="53130" y="177584"/>
                      <a:pt x="48863" y="178022"/>
                    </a:cubicBezTo>
                    <a:close/>
                  </a:path>
                </a:pathLst>
              </a:custGeom>
              <a:solidFill>
                <a:srgbClr val="265998"/>
              </a:solidFill>
              <a:ln w="9525" cap="flat">
                <a:noFill/>
                <a:prstDash val="solid"/>
                <a:miter/>
              </a:ln>
            </p:spPr>
            <p:txBody>
              <a:bodyPr rtlCol="0" anchor="ctr"/>
              <a:lstStyle/>
              <a:p>
                <a:endParaRPr lang="en-AU"/>
              </a:p>
            </p:txBody>
          </p:sp>
        </p:grpSp>
        <p:sp>
          <p:nvSpPr>
            <p:cNvPr id="3" name="Oval 2">
              <a:extLst>
                <a:ext uri="{FF2B5EF4-FFF2-40B4-BE49-F238E27FC236}">
                  <a16:creationId xmlns:a16="http://schemas.microsoft.com/office/drawing/2014/main" id="{C1A304EE-3717-6B4C-4AFB-E00FD44F7548}"/>
                </a:ext>
              </a:extLst>
            </p:cNvPr>
            <p:cNvSpPr/>
            <p:nvPr/>
          </p:nvSpPr>
          <p:spPr>
            <a:xfrm>
              <a:off x="989671" y="1183895"/>
              <a:ext cx="275882" cy="286327"/>
            </a:xfrm>
            <a:prstGeom prst="ellipse">
              <a:avLst/>
            </a:prstGeom>
            <a:solidFill>
              <a:schemeClr val="bg2"/>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a:t>1</a:t>
              </a:r>
            </a:p>
          </p:txBody>
        </p:sp>
        <p:sp>
          <p:nvSpPr>
            <p:cNvPr id="4" name="Oval 3">
              <a:extLst>
                <a:ext uri="{FF2B5EF4-FFF2-40B4-BE49-F238E27FC236}">
                  <a16:creationId xmlns:a16="http://schemas.microsoft.com/office/drawing/2014/main" id="{3F6A094A-15F3-C68C-C5E1-A3C232745D7F}"/>
                </a:ext>
              </a:extLst>
            </p:cNvPr>
            <p:cNvSpPr/>
            <p:nvPr/>
          </p:nvSpPr>
          <p:spPr>
            <a:xfrm>
              <a:off x="3410250" y="1183895"/>
              <a:ext cx="275882" cy="286327"/>
            </a:xfrm>
            <a:prstGeom prst="ellipse">
              <a:avLst/>
            </a:prstGeom>
            <a:solidFill>
              <a:schemeClr val="tx2">
                <a:lumMod val="75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a:t>2</a:t>
              </a:r>
            </a:p>
          </p:txBody>
        </p:sp>
        <p:sp>
          <p:nvSpPr>
            <p:cNvPr id="6" name="Oval 5">
              <a:extLst>
                <a:ext uri="{FF2B5EF4-FFF2-40B4-BE49-F238E27FC236}">
                  <a16:creationId xmlns:a16="http://schemas.microsoft.com/office/drawing/2014/main" id="{24CD751B-46B7-0150-6EE6-1586C6D13192}"/>
                </a:ext>
              </a:extLst>
            </p:cNvPr>
            <p:cNvSpPr/>
            <p:nvPr/>
          </p:nvSpPr>
          <p:spPr>
            <a:xfrm>
              <a:off x="5793885" y="1183895"/>
              <a:ext cx="275882" cy="286327"/>
            </a:xfrm>
            <a:prstGeom prst="ellipse">
              <a:avLst/>
            </a:prstGeom>
            <a:solidFill>
              <a:schemeClr val="accent6"/>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a:t>3</a:t>
              </a:r>
            </a:p>
          </p:txBody>
        </p:sp>
        <p:sp>
          <p:nvSpPr>
            <p:cNvPr id="14" name="TextBox 9">
              <a:extLst>
                <a:ext uri="{FF2B5EF4-FFF2-40B4-BE49-F238E27FC236}">
                  <a16:creationId xmlns:a16="http://schemas.microsoft.com/office/drawing/2014/main" id="{7CFFC243-AB91-FF63-E1EB-3D163638D78E}"/>
                </a:ext>
              </a:extLst>
            </p:cNvPr>
            <p:cNvSpPr txBox="1"/>
            <p:nvPr/>
          </p:nvSpPr>
          <p:spPr>
            <a:xfrm>
              <a:off x="1146824" y="3905114"/>
              <a:ext cx="6645203" cy="246234"/>
            </a:xfrm>
            <a:prstGeom prst="rect">
              <a:avLst/>
            </a:prstGeom>
            <a:solidFill>
              <a:schemeClr val="accent1"/>
            </a:solidFill>
          </p:spPr>
          <p:txBody>
            <a:bodyPr wrap="square" rtlCol="0" anchor="ctr" anchorCtr="0">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b="1" i="1">
                  <a:solidFill>
                    <a:prstClr val="white"/>
                  </a:solidFill>
                  <a:latin typeface="Arial" panose="020B0604020202020204" pitchFamily="34" charset="0"/>
                  <a:cs typeface="Arial" panose="020B0604020202020204" pitchFamily="34" charset="0"/>
                </a:rPr>
                <a:t>Guided by terms of reference, past reviews and participant input and feedback</a:t>
              </a:r>
              <a:endParaRPr lang="en-AU" sz="1100" b="1" i="1">
                <a:solidFill>
                  <a:prstClr val="white"/>
                </a:solidFill>
                <a:latin typeface="Arial" panose="020B0604020202020204" pitchFamily="34" charset="0"/>
                <a:cs typeface="Arial" panose="020B0604020202020204" pitchFamily="34" charset="0"/>
              </a:endParaRPr>
            </a:p>
          </p:txBody>
        </p:sp>
      </p:grpSp>
    </p:spTree>
    <p:extLst>
      <p:ext uri="{BB962C8B-B14F-4D97-AF65-F5344CB8AC3E}">
        <p14:creationId xmlns:p14="http://schemas.microsoft.com/office/powerpoint/2010/main" val="404298055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30F4B32-6540-7EF4-75A1-52419976ECEF}"/>
              </a:ext>
              <a:ext uri="{C183D7F6-B498-43B3-948B-1728B52AA6E4}">
                <adec:decorative xmlns:adec="http://schemas.microsoft.com/office/drawing/2017/decorative" val="1"/>
              </a:ext>
            </a:extLst>
          </p:cNvPr>
          <p:cNvSpPr/>
          <p:nvPr/>
        </p:nvSpPr>
        <p:spPr>
          <a:xfrm>
            <a:off x="313513" y="684526"/>
            <a:ext cx="6102480" cy="89378"/>
          </a:xfrm>
          <a:prstGeom prst="rect">
            <a:avLst/>
          </a:prstGeom>
          <a:solidFill>
            <a:schemeClr val="bg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2" name="Title 1">
            <a:extLst>
              <a:ext uri="{FF2B5EF4-FFF2-40B4-BE49-F238E27FC236}">
                <a16:creationId xmlns:a16="http://schemas.microsoft.com/office/drawing/2014/main" id="{4DABC09F-3E4A-744D-D8A0-22FC5B71202B}"/>
              </a:ext>
            </a:extLst>
          </p:cNvPr>
          <p:cNvSpPr>
            <a:spLocks noGrp="1"/>
          </p:cNvSpPr>
          <p:nvPr>
            <p:ph type="title"/>
          </p:nvPr>
        </p:nvSpPr>
        <p:spPr/>
        <p:txBody>
          <a:bodyPr/>
          <a:lstStyle/>
          <a:p>
            <a:r>
              <a:rPr lang="en-AU" dirty="0"/>
              <a:t>1. Trends and motivations for giving</a:t>
            </a:r>
          </a:p>
        </p:txBody>
      </p:sp>
      <p:sp>
        <p:nvSpPr>
          <p:cNvPr id="3" name="Text Placeholder 2">
            <a:extLst>
              <a:ext uri="{FF2B5EF4-FFF2-40B4-BE49-F238E27FC236}">
                <a16:creationId xmlns:a16="http://schemas.microsoft.com/office/drawing/2014/main" id="{02211F77-00FD-4D1A-5320-652ABBFC9381}"/>
              </a:ext>
            </a:extLst>
          </p:cNvPr>
          <p:cNvSpPr>
            <a:spLocks noGrp="1"/>
          </p:cNvSpPr>
          <p:nvPr>
            <p:ph type="body" sz="quarter" idx="14"/>
          </p:nvPr>
        </p:nvSpPr>
        <p:spPr>
          <a:xfrm>
            <a:off x="6749440" y="4707997"/>
            <a:ext cx="1893816" cy="335646"/>
          </a:xfrm>
        </p:spPr>
        <p:txBody>
          <a:bodyPr/>
          <a:lstStyle/>
          <a:p>
            <a:r>
              <a:rPr lang="en-AU"/>
              <a:t>Philanthropy inquiry webinar</a:t>
            </a:r>
          </a:p>
        </p:txBody>
      </p:sp>
      <p:sp>
        <p:nvSpPr>
          <p:cNvPr id="4" name="Slide Number Placeholder 3">
            <a:extLst>
              <a:ext uri="{FF2B5EF4-FFF2-40B4-BE49-F238E27FC236}">
                <a16:creationId xmlns:a16="http://schemas.microsoft.com/office/drawing/2014/main" id="{EE76F69C-51C5-57B5-7B0A-257994B8B85B}"/>
              </a:ext>
            </a:extLst>
          </p:cNvPr>
          <p:cNvSpPr>
            <a:spLocks noGrp="1"/>
          </p:cNvSpPr>
          <p:nvPr>
            <p:ph type="sldNum" sz="quarter" idx="4"/>
          </p:nvPr>
        </p:nvSpPr>
        <p:spPr/>
        <p:txBody>
          <a:bodyPr/>
          <a:lstStyle/>
          <a:p>
            <a:fld id="{8A657B52-D046-4802-A3DE-55E7ED70298C}" type="slidenum">
              <a:rPr lang="en-AU" smtClean="0"/>
              <a:pPr/>
              <a:t>7</a:t>
            </a:fld>
            <a:endParaRPr lang="en-AU"/>
          </a:p>
        </p:txBody>
      </p:sp>
      <p:sp>
        <p:nvSpPr>
          <p:cNvPr id="5" name="Content Placeholder 4">
            <a:extLst>
              <a:ext uri="{FF2B5EF4-FFF2-40B4-BE49-F238E27FC236}">
                <a16:creationId xmlns:a16="http://schemas.microsoft.com/office/drawing/2014/main" id="{7CADF008-EFA5-0D21-B5CE-55D935ACF2CF}"/>
              </a:ext>
            </a:extLst>
          </p:cNvPr>
          <p:cNvSpPr>
            <a:spLocks noGrp="1"/>
          </p:cNvSpPr>
          <p:nvPr>
            <p:ph idx="1"/>
          </p:nvPr>
        </p:nvSpPr>
        <p:spPr>
          <a:xfrm>
            <a:off x="238126" y="1019176"/>
            <a:ext cx="3940081" cy="3394472"/>
          </a:xfrm>
        </p:spPr>
        <p:txBody>
          <a:bodyPr>
            <a:normAutofit/>
          </a:bodyPr>
          <a:lstStyle/>
          <a:p>
            <a:r>
              <a:rPr lang="en-AU" sz="1600" b="1" dirty="0"/>
              <a:t>Topics of interest</a:t>
            </a:r>
          </a:p>
          <a:p>
            <a:pPr marL="342900" indent="-342900">
              <a:buFont typeface="Arial" panose="020B0604020202020204" pitchFamily="34" charset="0"/>
              <a:buChar char="•"/>
            </a:pPr>
            <a:r>
              <a:rPr lang="en-AU" sz="1600" dirty="0"/>
              <a:t>Why people do (and do not) give</a:t>
            </a:r>
          </a:p>
          <a:p>
            <a:pPr marL="342900" indent="-342900">
              <a:buFont typeface="Arial" panose="020B0604020202020204" pitchFamily="34" charset="0"/>
              <a:buChar char="•"/>
            </a:pPr>
            <a:r>
              <a:rPr lang="en-AU" sz="1600" dirty="0"/>
              <a:t>Who gives, including different characteristics (age, gender, income)</a:t>
            </a:r>
          </a:p>
          <a:p>
            <a:pPr marL="342900" indent="-342900">
              <a:buFont typeface="Arial" panose="020B0604020202020204" pitchFamily="34" charset="0"/>
              <a:buChar char="•"/>
            </a:pPr>
            <a:r>
              <a:rPr lang="en-AU" sz="1600" dirty="0"/>
              <a:t>Advantages and disadvantages of philanthropy as a source of revenue</a:t>
            </a:r>
          </a:p>
          <a:p>
            <a:pPr marL="342900" indent="-342900">
              <a:buFont typeface="Arial" panose="020B0604020202020204" pitchFamily="34" charset="0"/>
              <a:buChar char="•"/>
            </a:pPr>
            <a:r>
              <a:rPr lang="en-AU" sz="1600" dirty="0"/>
              <a:t>Data, insights and case studies including those that are not publicly available</a:t>
            </a:r>
          </a:p>
          <a:p>
            <a:pPr marL="342900" indent="-342900">
              <a:buFont typeface="Arial" panose="020B0604020202020204" pitchFamily="34" charset="0"/>
              <a:buChar char="•"/>
            </a:pPr>
            <a:r>
              <a:rPr lang="en-AU" sz="1600" dirty="0"/>
              <a:t>Alternative giving vehicles currently unavailable in Australia</a:t>
            </a:r>
          </a:p>
          <a:p>
            <a:pPr marL="342900" indent="-342900">
              <a:buFont typeface="Arial" panose="020B0604020202020204" pitchFamily="34" charset="0"/>
              <a:buChar char="•"/>
            </a:pPr>
            <a:endParaRPr lang="en-AU" sz="1600" dirty="0"/>
          </a:p>
        </p:txBody>
      </p:sp>
      <p:sp>
        <p:nvSpPr>
          <p:cNvPr id="8" name="TextBox 7">
            <a:extLst>
              <a:ext uri="{FF2B5EF4-FFF2-40B4-BE49-F238E27FC236}">
                <a16:creationId xmlns:a16="http://schemas.microsoft.com/office/drawing/2014/main" id="{BA392303-954B-14C0-D799-89450DDAAFD2}"/>
              </a:ext>
            </a:extLst>
          </p:cNvPr>
          <p:cNvSpPr txBox="1"/>
          <p:nvPr/>
        </p:nvSpPr>
        <p:spPr>
          <a:xfrm>
            <a:off x="4572000" y="1019172"/>
            <a:ext cx="1615393" cy="392415"/>
          </a:xfrm>
          <a:prstGeom prst="rect">
            <a:avLst/>
          </a:prstGeom>
          <a:noFill/>
        </p:spPr>
        <p:txBody>
          <a:bodyPr wrap="square" rtlCol="0">
            <a:noAutofit/>
          </a:bodyPr>
          <a:lstStyle/>
          <a:p>
            <a:pPr algn="l">
              <a:spcAft>
                <a:spcPts val="450"/>
              </a:spcAft>
            </a:pPr>
            <a:r>
              <a:rPr lang="en-AU" sz="1100" b="1" dirty="0">
                <a:solidFill>
                  <a:schemeClr val="tx1">
                    <a:lumMod val="75000"/>
                    <a:lumOff val="25000"/>
                  </a:schemeClr>
                </a:solidFill>
                <a:latin typeface="Arial" panose="020B0604020202020204" pitchFamily="34" charset="0"/>
                <a:cs typeface="Arial" panose="020B0604020202020204" pitchFamily="34" charset="0"/>
              </a:rPr>
              <a:t>Figure 1. Motivations for giving</a:t>
            </a:r>
          </a:p>
        </p:txBody>
      </p:sp>
      <p:pic>
        <p:nvPicPr>
          <p:cNvPr id="50" name="Picture 49">
            <a:extLst>
              <a:ext uri="{FF2B5EF4-FFF2-40B4-BE49-F238E27FC236}">
                <a16:creationId xmlns:a16="http://schemas.microsoft.com/office/drawing/2014/main" id="{7F497DA2-792E-BDD0-9886-31E90CCA9009}"/>
              </a:ext>
              <a:ext uri="{C183D7F6-B498-43B3-948B-1728B52AA6E4}">
                <adec:decorative xmlns:adec="http://schemas.microsoft.com/office/drawing/2017/decorative" val="1"/>
              </a:ext>
            </a:extLst>
          </p:cNvPr>
          <p:cNvPicPr>
            <a:picLocks noChangeAspect="1"/>
          </p:cNvPicPr>
          <p:nvPr/>
        </p:nvPicPr>
        <p:blipFill>
          <a:blip r:embed="rId2"/>
          <a:stretch>
            <a:fillRect/>
          </a:stretch>
        </p:blipFill>
        <p:spPr>
          <a:xfrm>
            <a:off x="7048466" y="99857"/>
            <a:ext cx="1949614" cy="736617"/>
          </a:xfrm>
          <a:prstGeom prst="rect">
            <a:avLst/>
          </a:prstGeom>
        </p:spPr>
      </p:pic>
      <p:sp>
        <p:nvSpPr>
          <p:cNvPr id="51" name="Rectangle 50">
            <a:extLst>
              <a:ext uri="{FF2B5EF4-FFF2-40B4-BE49-F238E27FC236}">
                <a16:creationId xmlns:a16="http://schemas.microsoft.com/office/drawing/2014/main" id="{294A1132-070F-DE9F-F666-83BBF36C5395}"/>
              </a:ext>
              <a:ext uri="{C183D7F6-B498-43B3-948B-1728B52AA6E4}">
                <adec:decorative xmlns:adec="http://schemas.microsoft.com/office/drawing/2017/decorative" val="1"/>
              </a:ext>
            </a:extLst>
          </p:cNvPr>
          <p:cNvSpPr/>
          <p:nvPr/>
        </p:nvSpPr>
        <p:spPr>
          <a:xfrm>
            <a:off x="7048466" y="65021"/>
            <a:ext cx="658620" cy="824802"/>
          </a:xfrm>
          <a:prstGeom prst="rect">
            <a:avLst/>
          </a:prstGeom>
          <a:noFill/>
          <a:ln w="9525">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pic>
        <p:nvPicPr>
          <p:cNvPr id="6" name="Picture 6" descr="The figure shows different motivations for giving, including personal values, heritage, making a difference, financial incentives, social interaction, legacy, recognition, family and faith. ">
            <a:extLst>
              <a:ext uri="{FF2B5EF4-FFF2-40B4-BE49-F238E27FC236}">
                <a16:creationId xmlns:a16="http://schemas.microsoft.com/office/drawing/2014/main" id="{6B2CC354-01FA-43A4-8259-8EE9F068B0C6}"/>
              </a:ext>
            </a:extLst>
          </p:cNvPr>
          <p:cNvPicPr>
            <a:picLocks noChangeAspect="1"/>
          </p:cNvPicPr>
          <p:nvPr/>
        </p:nvPicPr>
        <p:blipFill>
          <a:blip r:embed="rId3"/>
          <a:stretch>
            <a:fillRect/>
          </a:stretch>
        </p:blipFill>
        <p:spPr>
          <a:xfrm>
            <a:off x="4983477" y="1212733"/>
            <a:ext cx="3922397" cy="3394472"/>
          </a:xfrm>
          <a:prstGeom prst="rect">
            <a:avLst/>
          </a:prstGeom>
        </p:spPr>
      </p:pic>
    </p:spTree>
    <p:extLst>
      <p:ext uri="{BB962C8B-B14F-4D97-AF65-F5344CB8AC3E}">
        <p14:creationId xmlns:p14="http://schemas.microsoft.com/office/powerpoint/2010/main" val="26247205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ABC09F-3E4A-744D-D8A0-22FC5B71202B}"/>
              </a:ext>
            </a:extLst>
          </p:cNvPr>
          <p:cNvSpPr>
            <a:spLocks noGrp="1"/>
          </p:cNvSpPr>
          <p:nvPr>
            <p:ph type="title"/>
          </p:nvPr>
        </p:nvSpPr>
        <p:spPr/>
        <p:txBody>
          <a:bodyPr/>
          <a:lstStyle/>
          <a:p>
            <a:r>
              <a:rPr lang="en-AU" dirty="0"/>
              <a:t>2. Opportunities and obstacles</a:t>
            </a:r>
          </a:p>
        </p:txBody>
      </p:sp>
      <p:sp>
        <p:nvSpPr>
          <p:cNvPr id="3" name="Text Placeholder 2">
            <a:extLst>
              <a:ext uri="{FF2B5EF4-FFF2-40B4-BE49-F238E27FC236}">
                <a16:creationId xmlns:a16="http://schemas.microsoft.com/office/drawing/2014/main" id="{02211F77-00FD-4D1A-5320-652ABBFC9381}"/>
              </a:ext>
            </a:extLst>
          </p:cNvPr>
          <p:cNvSpPr>
            <a:spLocks noGrp="1"/>
          </p:cNvSpPr>
          <p:nvPr>
            <p:ph type="body" sz="quarter" idx="14"/>
          </p:nvPr>
        </p:nvSpPr>
        <p:spPr>
          <a:xfrm>
            <a:off x="7991767" y="4707997"/>
            <a:ext cx="651489" cy="335646"/>
          </a:xfrm>
        </p:spPr>
        <p:txBody>
          <a:bodyPr/>
          <a:lstStyle/>
          <a:p>
            <a:r>
              <a:rPr lang="en-AU"/>
              <a:t>Scope</a:t>
            </a:r>
          </a:p>
        </p:txBody>
      </p:sp>
      <p:sp>
        <p:nvSpPr>
          <p:cNvPr id="4" name="Slide Number Placeholder 3">
            <a:extLst>
              <a:ext uri="{FF2B5EF4-FFF2-40B4-BE49-F238E27FC236}">
                <a16:creationId xmlns:a16="http://schemas.microsoft.com/office/drawing/2014/main" id="{EE76F69C-51C5-57B5-7B0A-257994B8B85B}"/>
              </a:ext>
            </a:extLst>
          </p:cNvPr>
          <p:cNvSpPr>
            <a:spLocks noGrp="1"/>
          </p:cNvSpPr>
          <p:nvPr>
            <p:ph type="sldNum" sz="quarter" idx="4"/>
          </p:nvPr>
        </p:nvSpPr>
        <p:spPr/>
        <p:txBody>
          <a:bodyPr/>
          <a:lstStyle/>
          <a:p>
            <a:fld id="{8A657B52-D046-4802-A3DE-55E7ED70298C}" type="slidenum">
              <a:rPr lang="en-AU" smtClean="0"/>
              <a:pPr/>
              <a:t>8</a:t>
            </a:fld>
            <a:endParaRPr lang="en-AU"/>
          </a:p>
        </p:txBody>
      </p:sp>
      <p:sp>
        <p:nvSpPr>
          <p:cNvPr id="6" name="Content Placeholder 4">
            <a:extLst>
              <a:ext uri="{FF2B5EF4-FFF2-40B4-BE49-F238E27FC236}">
                <a16:creationId xmlns:a16="http://schemas.microsoft.com/office/drawing/2014/main" id="{2CE228D5-1B5E-5CD8-73FE-77E7611EC61A}"/>
              </a:ext>
            </a:extLst>
          </p:cNvPr>
          <p:cNvSpPr txBox="1">
            <a:spLocks/>
          </p:cNvSpPr>
          <p:nvPr/>
        </p:nvSpPr>
        <p:spPr>
          <a:xfrm>
            <a:off x="238127" y="1019176"/>
            <a:ext cx="5013142" cy="3394472"/>
          </a:xfrm>
          <a:prstGeom prst="rect">
            <a:avLst/>
          </a:prstGeom>
        </p:spPr>
        <p:txBody>
          <a:bodyPr vert="horz" lIns="91440" tIns="45720" rIns="91440" bIns="45720" rtlCol="0">
            <a:noAutofit/>
          </a:bodyPr>
          <a:lstStyle>
            <a:lvl1pPr marL="0" indent="0" algn="l" defTabSz="914378" rtl="0" eaLnBrk="1" latinLnBrk="0" hangingPunct="1">
              <a:spcBef>
                <a:spcPct val="20000"/>
              </a:spcBef>
              <a:buFont typeface="Arial" panose="020B0604020202020204" pitchFamily="34" charset="0"/>
              <a:buNone/>
              <a:defRPr sz="2400" kern="1200">
                <a:solidFill>
                  <a:schemeClr val="tx1">
                    <a:lumMod val="65000"/>
                    <a:lumOff val="35000"/>
                  </a:schemeClr>
                </a:solidFill>
                <a:latin typeface="Arial" panose="020B0604020202020204" pitchFamily="34" charset="0"/>
                <a:ea typeface="+mn-ea"/>
                <a:cs typeface="Arial" panose="020B0604020202020204" pitchFamily="34" charset="0"/>
              </a:defRPr>
            </a:lvl1pPr>
            <a:lvl2pPr marL="742931" indent="-285743" algn="l" defTabSz="914378" rtl="0" eaLnBrk="1" latinLnBrk="0" hangingPunct="1">
              <a:spcBef>
                <a:spcPct val="20000"/>
              </a:spcBef>
              <a:buFont typeface="Arial" panose="020B0604020202020204" pitchFamily="34" charset="0"/>
              <a:buChar char="–"/>
              <a:defRPr sz="2000" kern="1200">
                <a:solidFill>
                  <a:schemeClr val="tx1">
                    <a:lumMod val="65000"/>
                    <a:lumOff val="35000"/>
                  </a:schemeClr>
                </a:solidFill>
                <a:latin typeface="Arial" panose="020B0604020202020204" pitchFamily="34" charset="0"/>
                <a:ea typeface="+mn-ea"/>
                <a:cs typeface="Arial" panose="020B0604020202020204" pitchFamily="34" charset="0"/>
              </a:defRPr>
            </a:lvl2pPr>
            <a:lvl3pPr marL="1142972" indent="-228594" algn="l" defTabSz="914378" rtl="0" eaLnBrk="1" latinLnBrk="0" hangingPunct="1">
              <a:spcBef>
                <a:spcPct val="20000"/>
              </a:spcBef>
              <a:buFont typeface="Arial" panose="020B0604020202020204" pitchFamily="34" charset="0"/>
              <a:buChar char="•"/>
              <a:defRPr sz="1600" kern="1200">
                <a:solidFill>
                  <a:schemeClr val="tx1">
                    <a:lumMod val="65000"/>
                    <a:lumOff val="35000"/>
                  </a:schemeClr>
                </a:solidFill>
                <a:latin typeface="Arial" panose="020B0604020202020204" pitchFamily="34" charset="0"/>
                <a:ea typeface="+mn-ea"/>
                <a:cs typeface="Arial" panose="020B0604020202020204" pitchFamily="34" charset="0"/>
              </a:defRPr>
            </a:lvl3pPr>
            <a:lvl4pPr marL="1600160" indent="-228594" algn="l" defTabSz="914378" rtl="0" eaLnBrk="1" latinLnBrk="0" hangingPunct="1">
              <a:spcBef>
                <a:spcPct val="20000"/>
              </a:spcBef>
              <a:buFont typeface="Arial" panose="020B0604020202020204" pitchFamily="34" charset="0"/>
              <a:buChar char="–"/>
              <a:defRPr sz="1400" kern="1200">
                <a:solidFill>
                  <a:schemeClr val="tx1">
                    <a:lumMod val="65000"/>
                    <a:lumOff val="35000"/>
                  </a:schemeClr>
                </a:solidFill>
                <a:latin typeface="Arial" panose="020B0604020202020204" pitchFamily="34" charset="0"/>
                <a:ea typeface="+mn-ea"/>
                <a:cs typeface="Arial" panose="020B0604020202020204" pitchFamily="34" charset="0"/>
              </a:defRPr>
            </a:lvl4pPr>
            <a:lvl5pPr marL="2057348" indent="-228594" algn="l" defTabSz="914378" rtl="0" eaLnBrk="1" latinLnBrk="0" hangingPunct="1">
              <a:spcBef>
                <a:spcPct val="20000"/>
              </a:spcBef>
              <a:buFont typeface="Arial" panose="020B0604020202020204" pitchFamily="34" charset="0"/>
              <a:buChar char="»"/>
              <a:defRPr sz="1800" kern="1200">
                <a:solidFill>
                  <a:schemeClr val="tx1">
                    <a:lumMod val="65000"/>
                    <a:lumOff val="35000"/>
                  </a:schemeClr>
                </a:solidFill>
                <a:latin typeface="Arial" panose="020B0604020202020204" pitchFamily="34" charset="0"/>
                <a:ea typeface="+mn-ea"/>
                <a:cs typeface="Arial" panose="020B0604020202020204" pitchFamily="34" charset="0"/>
              </a:defRPr>
            </a:lvl5pPr>
            <a:lvl6pPr marL="2514537"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1726"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8915"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6103"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a:lstStyle>
          <a:p>
            <a:r>
              <a:rPr lang="en-AU" sz="1600" b="1"/>
              <a:t>Topics of interest</a:t>
            </a:r>
          </a:p>
          <a:p>
            <a:pPr marL="342900" indent="-342900">
              <a:buFont typeface="Arial" panose="020B0604020202020204" pitchFamily="34" charset="0"/>
              <a:buChar char="•"/>
            </a:pPr>
            <a:r>
              <a:rPr lang="en-AU" sz="1600"/>
              <a:t>Regulatory issues and barriers to giving including:</a:t>
            </a:r>
          </a:p>
          <a:p>
            <a:pPr marL="1085831" lvl="1" indent="-342900">
              <a:buFont typeface="Arial" panose="020B0604020202020204" pitchFamily="34" charset="0"/>
              <a:buChar char="─"/>
            </a:pPr>
            <a:r>
              <a:rPr lang="en-AU" sz="1600"/>
              <a:t>regulatory burden</a:t>
            </a:r>
          </a:p>
          <a:p>
            <a:pPr marL="1085831" lvl="1" indent="-342900">
              <a:buFont typeface="Arial" panose="020B0604020202020204" pitchFamily="34" charset="0"/>
              <a:buChar char="─"/>
            </a:pPr>
            <a:r>
              <a:rPr lang="en-AU" sz="1600"/>
              <a:t>any gaps in regulation</a:t>
            </a:r>
          </a:p>
          <a:p>
            <a:pPr marL="1085831" lvl="1" indent="-342900">
              <a:buFont typeface="Arial" panose="020B0604020202020204" pitchFamily="34" charset="0"/>
              <a:buChar char="─"/>
            </a:pPr>
            <a:r>
              <a:rPr lang="en-AU" sz="1600"/>
              <a:t>regulator roles and responsibilities</a:t>
            </a:r>
          </a:p>
          <a:p>
            <a:pPr marL="342900" indent="-342900">
              <a:buFont typeface="Arial" panose="020B0604020202020204" pitchFamily="34" charset="0"/>
              <a:buChar char="•"/>
            </a:pPr>
            <a:r>
              <a:rPr lang="en-AU" sz="1600"/>
              <a:t>Deductible gift recipient framework</a:t>
            </a:r>
          </a:p>
          <a:p>
            <a:pPr marL="1085831" lvl="1" indent="-342900">
              <a:buFont typeface="Arial" panose="020B0604020202020204" pitchFamily="34" charset="0"/>
              <a:buChar char="─"/>
            </a:pPr>
            <a:r>
              <a:rPr lang="en-AU" sz="1600"/>
              <a:t>issues and opportunities</a:t>
            </a:r>
          </a:p>
          <a:p>
            <a:pPr marL="342900" indent="-342900">
              <a:buFont typeface="Arial" panose="020B0604020202020204" pitchFamily="34" charset="0"/>
              <a:buChar char="•"/>
            </a:pPr>
            <a:r>
              <a:rPr lang="en-AU" sz="1600"/>
              <a:t>Tax concessions available to not for profits</a:t>
            </a:r>
          </a:p>
          <a:p>
            <a:pPr marL="342900" indent="-342900">
              <a:buFont typeface="Arial" panose="020B0604020202020204" pitchFamily="34" charset="0"/>
              <a:buChar char="•"/>
            </a:pPr>
            <a:r>
              <a:rPr lang="en-AU" sz="1600"/>
              <a:t>Ability of donors to assess charity effectiveness</a:t>
            </a:r>
          </a:p>
          <a:p>
            <a:pPr marL="342900" indent="-342900">
              <a:buFont typeface="Arial" panose="020B0604020202020204" pitchFamily="34" charset="0"/>
              <a:buChar char="•"/>
            </a:pPr>
            <a:r>
              <a:rPr lang="en-AU" sz="1600"/>
              <a:t>Other issues you identify</a:t>
            </a:r>
          </a:p>
          <a:p>
            <a:pPr marL="342900" indent="-342900">
              <a:buFont typeface="Arial" panose="020B0604020202020204" pitchFamily="34" charset="0"/>
              <a:buChar char="•"/>
            </a:pPr>
            <a:endParaRPr lang="en-AU" sz="1600"/>
          </a:p>
        </p:txBody>
      </p:sp>
      <p:pic>
        <p:nvPicPr>
          <p:cNvPr id="10" name="Picture 9" descr="This is an image of hurdles">
            <a:extLst>
              <a:ext uri="{FF2B5EF4-FFF2-40B4-BE49-F238E27FC236}">
                <a16:creationId xmlns:a16="http://schemas.microsoft.com/office/drawing/2014/main" id="{9037386C-7221-0345-EB3C-FB885765FA7D}"/>
              </a:ext>
            </a:extLst>
          </p:cNvPr>
          <p:cNvPicPr>
            <a:picLocks noChangeAspect="1"/>
          </p:cNvPicPr>
          <p:nvPr>
            <p:custDataLst>
              <p:tags r:id="rId1"/>
            </p:custDataLst>
          </p:nvPr>
        </p:nvPicPr>
        <p:blipFill rotWithShape="1">
          <a:blip r:embed="rId3" cstate="print">
            <a:extLst>
              <a:ext uri="{28A0092B-C50C-407E-A947-70E740481C1C}">
                <a14:useLocalDpi xmlns:a14="http://schemas.microsoft.com/office/drawing/2010/main" val="0"/>
              </a:ext>
            </a:extLst>
          </a:blip>
          <a:srcRect/>
          <a:stretch/>
        </p:blipFill>
        <p:spPr>
          <a:xfrm>
            <a:off x="6125786" y="1019176"/>
            <a:ext cx="2830154" cy="2830154"/>
          </a:xfrm>
          <a:prstGeom prst="rect">
            <a:avLst/>
          </a:prstGeom>
        </p:spPr>
      </p:pic>
      <p:pic>
        <p:nvPicPr>
          <p:cNvPr id="11" name="Picture 10">
            <a:extLst>
              <a:ext uri="{FF2B5EF4-FFF2-40B4-BE49-F238E27FC236}">
                <a16:creationId xmlns:a16="http://schemas.microsoft.com/office/drawing/2014/main" id="{F642BA60-1146-1215-BBE2-EC3FEF642880}"/>
              </a:ext>
              <a:ext uri="{C183D7F6-B498-43B3-948B-1728B52AA6E4}">
                <adec:decorative xmlns:adec="http://schemas.microsoft.com/office/drawing/2017/decorative" val="1"/>
              </a:ext>
            </a:extLst>
          </p:cNvPr>
          <p:cNvPicPr>
            <a:picLocks noChangeAspect="1"/>
          </p:cNvPicPr>
          <p:nvPr/>
        </p:nvPicPr>
        <p:blipFill>
          <a:blip r:embed="rId4"/>
          <a:stretch>
            <a:fillRect/>
          </a:stretch>
        </p:blipFill>
        <p:spPr>
          <a:xfrm>
            <a:off x="7035401" y="99854"/>
            <a:ext cx="1949615" cy="736617"/>
          </a:xfrm>
          <a:prstGeom prst="rect">
            <a:avLst/>
          </a:prstGeom>
        </p:spPr>
      </p:pic>
      <p:sp>
        <p:nvSpPr>
          <p:cNvPr id="13" name="Rectangle 12">
            <a:extLst>
              <a:ext uri="{FF2B5EF4-FFF2-40B4-BE49-F238E27FC236}">
                <a16:creationId xmlns:a16="http://schemas.microsoft.com/office/drawing/2014/main" id="{B59446D4-7CC6-9700-6FA1-055511495AD9}"/>
              </a:ext>
              <a:ext uri="{C183D7F6-B498-43B3-948B-1728B52AA6E4}">
                <adec:decorative xmlns:adec="http://schemas.microsoft.com/office/drawing/2017/decorative" val="1"/>
              </a:ext>
            </a:extLst>
          </p:cNvPr>
          <p:cNvSpPr/>
          <p:nvPr/>
        </p:nvSpPr>
        <p:spPr>
          <a:xfrm>
            <a:off x="7710320" y="65021"/>
            <a:ext cx="658620" cy="824802"/>
          </a:xfrm>
          <a:prstGeom prst="rect">
            <a:avLst/>
          </a:prstGeom>
          <a:noFill/>
          <a:ln w="9525">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5" name="Rectangle 4">
            <a:extLst>
              <a:ext uri="{FF2B5EF4-FFF2-40B4-BE49-F238E27FC236}">
                <a16:creationId xmlns:a16="http://schemas.microsoft.com/office/drawing/2014/main" id="{B9BFA30B-47CD-0FA3-0A95-E904DD2405B3}"/>
              </a:ext>
              <a:ext uri="{C183D7F6-B498-43B3-948B-1728B52AA6E4}">
                <adec:decorative xmlns:adec="http://schemas.microsoft.com/office/drawing/2017/decorative" val="1"/>
              </a:ext>
            </a:extLst>
          </p:cNvPr>
          <p:cNvSpPr/>
          <p:nvPr/>
        </p:nvSpPr>
        <p:spPr>
          <a:xfrm>
            <a:off x="313513" y="684526"/>
            <a:ext cx="6102480" cy="89378"/>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Tree>
    <p:extLst>
      <p:ext uri="{BB962C8B-B14F-4D97-AF65-F5344CB8AC3E}">
        <p14:creationId xmlns:p14="http://schemas.microsoft.com/office/powerpoint/2010/main" val="320743922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2" name="Picture 21">
            <a:extLst>
              <a:ext uri="{FF2B5EF4-FFF2-40B4-BE49-F238E27FC236}">
                <a16:creationId xmlns:a16="http://schemas.microsoft.com/office/drawing/2014/main" id="{8CBB82F0-AC23-F973-B071-D3982CADCB1B}"/>
              </a:ext>
              <a:ext uri="{C183D7F6-B498-43B3-948B-1728B52AA6E4}">
                <adec:decorative xmlns:adec="http://schemas.microsoft.com/office/drawing/2017/decorative" val="1"/>
              </a:ext>
            </a:extLst>
          </p:cNvPr>
          <p:cNvPicPr>
            <a:picLocks noChangeAspect="1"/>
          </p:cNvPicPr>
          <p:nvPr/>
        </p:nvPicPr>
        <p:blipFill>
          <a:blip r:embed="rId4"/>
          <a:stretch>
            <a:fillRect/>
          </a:stretch>
        </p:blipFill>
        <p:spPr>
          <a:xfrm>
            <a:off x="7081682" y="99851"/>
            <a:ext cx="1872741" cy="707572"/>
          </a:xfrm>
          <a:prstGeom prst="rect">
            <a:avLst/>
          </a:prstGeom>
        </p:spPr>
      </p:pic>
      <p:sp>
        <p:nvSpPr>
          <p:cNvPr id="2" name="Title 1">
            <a:extLst>
              <a:ext uri="{FF2B5EF4-FFF2-40B4-BE49-F238E27FC236}">
                <a16:creationId xmlns:a16="http://schemas.microsoft.com/office/drawing/2014/main" id="{4DABC09F-3E4A-744D-D8A0-22FC5B71202B}"/>
              </a:ext>
            </a:extLst>
          </p:cNvPr>
          <p:cNvSpPr>
            <a:spLocks noGrp="1"/>
          </p:cNvSpPr>
          <p:nvPr>
            <p:ph type="title"/>
          </p:nvPr>
        </p:nvSpPr>
        <p:spPr/>
        <p:txBody>
          <a:bodyPr/>
          <a:lstStyle/>
          <a:p>
            <a:r>
              <a:rPr lang="en-AU" dirty="0"/>
              <a:t>3. Reform opportunities</a:t>
            </a:r>
          </a:p>
        </p:txBody>
      </p:sp>
      <p:sp>
        <p:nvSpPr>
          <p:cNvPr id="3" name="Text Placeholder 2">
            <a:extLst>
              <a:ext uri="{FF2B5EF4-FFF2-40B4-BE49-F238E27FC236}">
                <a16:creationId xmlns:a16="http://schemas.microsoft.com/office/drawing/2014/main" id="{02211F77-00FD-4D1A-5320-652ABBFC9381}"/>
              </a:ext>
            </a:extLst>
          </p:cNvPr>
          <p:cNvSpPr>
            <a:spLocks noGrp="1"/>
          </p:cNvSpPr>
          <p:nvPr>
            <p:ph type="body" sz="quarter" idx="14"/>
          </p:nvPr>
        </p:nvSpPr>
        <p:spPr>
          <a:xfrm>
            <a:off x="7991767" y="4707997"/>
            <a:ext cx="651489" cy="335646"/>
          </a:xfrm>
        </p:spPr>
        <p:txBody>
          <a:bodyPr/>
          <a:lstStyle/>
          <a:p>
            <a:r>
              <a:rPr lang="en-AU"/>
              <a:t>Scope</a:t>
            </a:r>
          </a:p>
        </p:txBody>
      </p:sp>
      <p:sp>
        <p:nvSpPr>
          <p:cNvPr id="4" name="Slide Number Placeholder 3">
            <a:extLst>
              <a:ext uri="{FF2B5EF4-FFF2-40B4-BE49-F238E27FC236}">
                <a16:creationId xmlns:a16="http://schemas.microsoft.com/office/drawing/2014/main" id="{EE76F69C-51C5-57B5-7B0A-257994B8B85B}"/>
              </a:ext>
            </a:extLst>
          </p:cNvPr>
          <p:cNvSpPr>
            <a:spLocks noGrp="1"/>
          </p:cNvSpPr>
          <p:nvPr>
            <p:ph type="sldNum" sz="quarter" idx="4"/>
          </p:nvPr>
        </p:nvSpPr>
        <p:spPr/>
        <p:txBody>
          <a:bodyPr/>
          <a:lstStyle/>
          <a:p>
            <a:fld id="{8A657B52-D046-4802-A3DE-55E7ED70298C}" type="slidenum">
              <a:rPr lang="en-AU" smtClean="0"/>
              <a:pPr/>
              <a:t>9</a:t>
            </a:fld>
            <a:endParaRPr lang="en-AU"/>
          </a:p>
        </p:txBody>
      </p:sp>
      <p:sp>
        <p:nvSpPr>
          <p:cNvPr id="5" name="Content Placeholder 4">
            <a:extLst>
              <a:ext uri="{FF2B5EF4-FFF2-40B4-BE49-F238E27FC236}">
                <a16:creationId xmlns:a16="http://schemas.microsoft.com/office/drawing/2014/main" id="{7CADF008-EFA5-0D21-B5CE-55D935ACF2CF}"/>
              </a:ext>
            </a:extLst>
          </p:cNvPr>
          <p:cNvSpPr>
            <a:spLocks noGrp="1"/>
          </p:cNvSpPr>
          <p:nvPr>
            <p:ph idx="1"/>
          </p:nvPr>
        </p:nvSpPr>
        <p:spPr>
          <a:xfrm>
            <a:off x="238126" y="1019176"/>
            <a:ext cx="4333874" cy="3394472"/>
          </a:xfrm>
        </p:spPr>
        <p:txBody>
          <a:bodyPr>
            <a:normAutofit/>
          </a:bodyPr>
          <a:lstStyle/>
          <a:p>
            <a:r>
              <a:rPr lang="en-AU" sz="1600" b="1" dirty="0"/>
              <a:t>Topics of interest</a:t>
            </a:r>
          </a:p>
          <a:p>
            <a:pPr marL="342900" indent="-342900">
              <a:buFont typeface="Arial" panose="020B0604020202020204" pitchFamily="34" charset="0"/>
              <a:buChar char="•"/>
            </a:pPr>
            <a:r>
              <a:rPr lang="en-AU" sz="1600" dirty="0"/>
              <a:t>Data and information gaps about philanthropy</a:t>
            </a:r>
          </a:p>
          <a:p>
            <a:pPr marL="342900" indent="-342900">
              <a:buFont typeface="Arial" panose="020B0604020202020204" pitchFamily="34" charset="0"/>
              <a:buChar char="•"/>
            </a:pPr>
            <a:r>
              <a:rPr lang="en-AU" sz="1600" dirty="0"/>
              <a:t>Public strategies to increase the status of giving</a:t>
            </a:r>
          </a:p>
          <a:p>
            <a:pPr marL="342900" indent="-342900">
              <a:buFont typeface="Arial" panose="020B0604020202020204" pitchFamily="34" charset="0"/>
              <a:buChar char="•"/>
            </a:pPr>
            <a:r>
              <a:rPr lang="en-AU" sz="1600" dirty="0"/>
              <a:t>Evidence on the impacts, costs and benefits of reform opportunities </a:t>
            </a:r>
          </a:p>
          <a:p>
            <a:pPr marL="342900" indent="-342900">
              <a:buFont typeface="Arial" panose="020B0604020202020204" pitchFamily="34" charset="0"/>
              <a:buChar char="•"/>
            </a:pPr>
            <a:r>
              <a:rPr lang="en-AU" sz="1600" dirty="0"/>
              <a:t>Other measures to support philanthropy in Australia</a:t>
            </a:r>
          </a:p>
        </p:txBody>
      </p:sp>
      <p:sp>
        <p:nvSpPr>
          <p:cNvPr id="15" name="Rectangle 14">
            <a:extLst>
              <a:ext uri="{FF2B5EF4-FFF2-40B4-BE49-F238E27FC236}">
                <a16:creationId xmlns:a16="http://schemas.microsoft.com/office/drawing/2014/main" id="{90D5E3DC-4AE0-6EEB-0F3B-FE33AAD24B5C}"/>
              </a:ext>
              <a:ext uri="{C183D7F6-B498-43B3-948B-1728B52AA6E4}">
                <adec:decorative xmlns:adec="http://schemas.microsoft.com/office/drawing/2017/decorative" val="1"/>
              </a:ext>
            </a:extLst>
          </p:cNvPr>
          <p:cNvSpPr/>
          <p:nvPr/>
        </p:nvSpPr>
        <p:spPr>
          <a:xfrm>
            <a:off x="8380881" y="99857"/>
            <a:ext cx="604135" cy="733693"/>
          </a:xfrm>
          <a:prstGeom prst="rect">
            <a:avLst/>
          </a:prstGeom>
          <a:noFill/>
          <a:ln w="9525">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pic>
        <p:nvPicPr>
          <p:cNvPr id="21" name="Picture 20" descr="This is an image of a plant growing in a cup that is filled with coins">
            <a:extLst>
              <a:ext uri="{FF2B5EF4-FFF2-40B4-BE49-F238E27FC236}">
                <a16:creationId xmlns:a16="http://schemas.microsoft.com/office/drawing/2014/main" id="{4BFCA0F7-935D-7AE4-61F6-0A2C7F91FCA2}"/>
              </a:ext>
            </a:extLst>
          </p:cNvPr>
          <p:cNvPicPr>
            <a:picLocks noChangeAspect="1"/>
          </p:cNvPicPr>
          <p:nvPr>
            <p:custDataLst>
              <p:tags r:id="rId1"/>
            </p:custDataLst>
          </p:nvPr>
        </p:nvPicPr>
        <p:blipFill rotWithShape="1">
          <a:blip r:embed="rId5" cstate="print">
            <a:extLst>
              <a:ext uri="{28A0092B-C50C-407E-A947-70E740481C1C}">
                <a14:useLocalDpi xmlns:a14="http://schemas.microsoft.com/office/drawing/2010/main" val="0"/>
              </a:ext>
            </a:extLst>
          </a:blip>
          <a:srcRect t="15209" r="24472"/>
          <a:stretch/>
        </p:blipFill>
        <p:spPr>
          <a:xfrm>
            <a:off x="5530487" y="997108"/>
            <a:ext cx="3454529" cy="2584830"/>
          </a:xfrm>
          <a:prstGeom prst="rect">
            <a:avLst/>
          </a:prstGeom>
        </p:spPr>
      </p:pic>
      <p:sp>
        <p:nvSpPr>
          <p:cNvPr id="6" name="Rectangle 5">
            <a:extLst>
              <a:ext uri="{FF2B5EF4-FFF2-40B4-BE49-F238E27FC236}">
                <a16:creationId xmlns:a16="http://schemas.microsoft.com/office/drawing/2014/main" id="{8D032C92-9B1E-CCAB-0066-297DE6D23CFC}"/>
              </a:ext>
              <a:ext uri="{C183D7F6-B498-43B3-948B-1728B52AA6E4}">
                <adec:decorative xmlns:adec="http://schemas.microsoft.com/office/drawing/2017/decorative" val="1"/>
              </a:ext>
            </a:extLst>
          </p:cNvPr>
          <p:cNvSpPr/>
          <p:nvPr/>
        </p:nvSpPr>
        <p:spPr>
          <a:xfrm>
            <a:off x="313513" y="684526"/>
            <a:ext cx="6102480" cy="89378"/>
          </a:xfrm>
          <a:prstGeom prst="rect">
            <a:avLst/>
          </a:prstGeom>
          <a:solidFill>
            <a:schemeClr val="accent6">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Tree>
    <p:extLst>
      <p:ext uri="{BB962C8B-B14F-4D97-AF65-F5344CB8AC3E}">
        <p14:creationId xmlns:p14="http://schemas.microsoft.com/office/powerpoint/2010/main" val="314194640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szegenhagen\AppData\Local\Templafy\AddIns\PowerPointVsto\Philanthropy.jp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szegenhagen\AppData\Local\Templafy\AddIns\PowerPointVsto\7322900f-885e-473d-8bc0-8fe929414810.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szegenhagen\AppData\Local\Templafy\AddIns\PowerPointVsto\a64a7abc-e8ba-4f46-b896-a5a6fda1b383.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szegenhagen\AppData\Local\Templafy\AddIns\PowerPointVsto\658677c8-5a70-49c0-ab75-3674a9ce9d7e.jpeg"/>
</p:tagLst>
</file>

<file path=ppt/tags/tag5.xml><?xml version="1.0" encoding="utf-8"?>
<p:tagLst xmlns:a="http://schemas.openxmlformats.org/drawingml/2006/main" xmlns:r="http://schemas.openxmlformats.org/officeDocument/2006/relationships" xmlns:p="http://schemas.openxmlformats.org/presentationml/2006/main">
  <p:tag name="TEMPLAFYSLIDEID" val="637346227318089525"/>
</p:tagLst>
</file>

<file path=ppt/theme/theme1.xml><?xml version="1.0" encoding="utf-8"?>
<a:theme xmlns:a="http://schemas.openxmlformats.org/drawingml/2006/main" name="PC 2022">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txDef>
      <a:spPr>
        <a:noFill/>
      </a:spPr>
      <a:bodyPr wrap="square" rtlCol="0">
        <a:noAutofit/>
      </a:bodyPr>
      <a:lstStyle>
        <a:defPPr algn="l">
          <a:spcAft>
            <a:spcPts val="450"/>
          </a:spcAft>
          <a:defRPr sz="1800" b="1" dirty="0" smtClean="0">
            <a:solidFill>
              <a:schemeClr val="tx1">
                <a:lumMod val="75000"/>
                <a:lumOff val="25000"/>
              </a:schemeClr>
            </a:solidFill>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C Presentation template 2022" id="{ECB488F2-0D95-4ABD-B177-0DD00799DBBE}" vid="{73917A53-2628-4EB0-98F8-C1E78280523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Properties xmlns="http://schemas.openxmlformats.org/officeDocument/2006/extended-properties" xmlns:vt="http://schemas.openxmlformats.org/officeDocument/2006/docPropsVTypes">
  <Template/>
  <TotalTime>489</TotalTime>
  <Words>581</Words>
  <Application>Microsoft Office PowerPoint</Application>
  <PresentationFormat>On-screen Show (16:9)</PresentationFormat>
  <Paragraphs>135</Paragraphs>
  <Slides>13</Slides>
  <Notes>9</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13</vt:i4>
      </vt:variant>
    </vt:vector>
  </HeadingPairs>
  <TitlesOfParts>
    <vt:vector size="17" baseType="lpstr">
      <vt:lpstr>Arial</vt:lpstr>
      <vt:lpstr>Arial Black</vt:lpstr>
      <vt:lpstr>Calibri</vt:lpstr>
      <vt:lpstr>PC 2022</vt:lpstr>
      <vt:lpstr>Productivity Commission  Philanthropy Inquiry</vt:lpstr>
      <vt:lpstr>Acknowledgment of Country</vt:lpstr>
      <vt:lpstr>A snapshot of the Commission</vt:lpstr>
      <vt:lpstr>Key operating principles</vt:lpstr>
      <vt:lpstr>What we will cover today</vt:lpstr>
      <vt:lpstr>Scope: Terms of Reference </vt:lpstr>
      <vt:lpstr>1. Trends and motivations for giving</vt:lpstr>
      <vt:lpstr>2. Opportunities and obstacles</vt:lpstr>
      <vt:lpstr>3. Reform opportunities</vt:lpstr>
      <vt:lpstr>Inquiry process and milestones</vt:lpstr>
      <vt:lpstr>How you can contribute</vt:lpstr>
      <vt:lpstr>Questions </vt:lpstr>
      <vt:lpstr>End</vt:lpstr>
    </vt:vector>
  </TitlesOfParts>
  <Company>Productivity Commissi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hilanthropy Inquiry webinar slides</dc:title>
  <dc:creator>Productivity Commission</dc:creator>
  <cp:lastModifiedBy>Chris Alston</cp:lastModifiedBy>
  <cp:revision>6</cp:revision>
  <cp:lastPrinted>2023-04-18T02:58:42Z</cp:lastPrinted>
  <dcterms:created xsi:type="dcterms:W3CDTF">2023-04-04T03:12:31Z</dcterms:created>
  <dcterms:modified xsi:type="dcterms:W3CDTF">2023-04-19T06:42:1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6-01T00:33:15</vt:lpwstr>
  </property>
  <property fmtid="{D5CDD505-2E9C-101B-9397-08002B2CF9AE}" pid="3" name="TemplafyTenantId">
    <vt:lpwstr>productivitycommission</vt:lpwstr>
  </property>
  <property fmtid="{D5CDD505-2E9C-101B-9397-08002B2CF9AE}" pid="4" name="TemplafyTemplateId">
    <vt:lpwstr>637797993425629884</vt:lpwstr>
  </property>
  <property fmtid="{D5CDD505-2E9C-101B-9397-08002B2CF9AE}" pid="5" name="TemplafyUserProfileId">
    <vt:lpwstr>638042329620859301</vt:lpwstr>
  </property>
  <property fmtid="{D5CDD505-2E9C-101B-9397-08002B2CF9AE}" pid="6" name="TemplafyFromBlank">
    <vt:bool>false</vt:bool>
  </property>
  <property fmtid="{D5CDD505-2E9C-101B-9397-08002B2CF9AE}" pid="7" name="ContentTypeId">
    <vt:lpwstr>0x010100701643EB437E814B9F804656CD4347FE</vt:lpwstr>
  </property>
  <property fmtid="{D5CDD505-2E9C-101B-9397-08002B2CF9AE}" pid="8" name="RevIMBCS">
    <vt:lpwstr>1;#Unclassified|3955eeb1-2d18-4582-aeb2-00144ec3aaf5</vt:lpwstr>
  </property>
</Properties>
</file>